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\OneDrive\Desktop\"/>
    </mc:Choice>
  </mc:AlternateContent>
  <xr:revisionPtr revIDLastSave="0" documentId="8_{ECFE3C35-354E-41CB-A98E-873CFD80475A}" xr6:coauthVersionLast="47" xr6:coauthVersionMax="47" xr10:uidLastSave="{00000000-0000-0000-0000-000000000000}"/>
  <bookViews>
    <workbookView xWindow="-110" yWindow="-110" windowWidth="19420" windowHeight="11500" xr2:uid="{3125B7F1-EFB3-4B50-9BC8-907EC44287FD}"/>
  </bookViews>
  <sheets>
    <sheet name="正式" sheetId="1" r:id="rId1"/>
  </sheets>
  <definedNames>
    <definedName name="_xlnm.Print_Area" localSheetId="0">正式!$A$1:$AT$107</definedName>
    <definedName name="_xlnm.Print_Titles" localSheetId="0">正式!$1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638" uniqueCount="242">
  <si>
    <t>2026年全日本ラリー選手権第3戦</t>
  </si>
  <si>
    <t>2026.5.8～10</t>
  </si>
  <si>
    <t>正式結果</t>
    <rPh sb="0" eb="2">
      <t>セイシキ</t>
    </rPh>
    <rPh sb="2" eb="4">
      <t>ケッカ</t>
    </rPh>
    <phoneticPr fontId="1"/>
  </si>
  <si>
    <t>LEG1</t>
    <phoneticPr fontId="1"/>
  </si>
  <si>
    <t>LEG2</t>
    <phoneticPr fontId="1"/>
  </si>
  <si>
    <t>POS</t>
    <phoneticPr fontId="1"/>
  </si>
  <si>
    <t>NO.</t>
    <phoneticPr fontId="1"/>
  </si>
  <si>
    <t>DRIVER</t>
    <phoneticPr fontId="1"/>
  </si>
  <si>
    <t>CO DRIVER</t>
    <phoneticPr fontId="1"/>
  </si>
  <si>
    <t>CAR</t>
    <phoneticPr fontId="1"/>
  </si>
  <si>
    <t>CLS</t>
    <phoneticPr fontId="1"/>
  </si>
  <si>
    <t>SS</t>
    <phoneticPr fontId="1"/>
  </si>
  <si>
    <t>PENALTY</t>
    <phoneticPr fontId="1"/>
  </si>
  <si>
    <t>TOTAL</t>
    <phoneticPr fontId="1"/>
  </si>
  <si>
    <t>OV</t>
    <phoneticPr fontId="1"/>
  </si>
  <si>
    <t>TIME</t>
    <phoneticPr fontId="1"/>
  </si>
  <si>
    <t>勝田 範彦</t>
  </si>
  <si>
    <t>保井 隆宏</t>
  </si>
  <si>
    <t>GR　YARIS　Rally2</t>
  </si>
  <si>
    <t>JN-1</t>
  </si>
  <si>
    <t/>
  </si>
  <si>
    <t>鎌田 卓麻</t>
  </si>
  <si>
    <t>松本 優一</t>
  </si>
  <si>
    <t>Castrol TEIN DL FABIA</t>
  </si>
  <si>
    <t>奴田原 文雄</t>
  </si>
  <si>
    <t>東 駿吾</t>
  </si>
  <si>
    <t>ADVAN KTMS GRヤリスRally2</t>
  </si>
  <si>
    <t>福永 修</t>
  </si>
  <si>
    <t>齊田 美早子</t>
  </si>
  <si>
    <t>スミロン☆焼肉ふじ☆CTE５５５DLファビア</t>
  </si>
  <si>
    <t>新井 敏弘</t>
  </si>
  <si>
    <t>安藤 裕一</t>
  </si>
  <si>
    <t>SUBARU Boxer Rally specZ</t>
  </si>
  <si>
    <t>KIZUNA</t>
  </si>
  <si>
    <t>洪 銘蔚</t>
  </si>
  <si>
    <t>WAIMARAMA GR YARIS RALLY2</t>
  </si>
  <si>
    <t>石森 聖生</t>
  </si>
  <si>
    <t>村山 朋香</t>
  </si>
  <si>
    <t>AICELLO 速心 DL 208 Rally4</t>
  </si>
  <si>
    <t>石黒  一暢</t>
  </si>
  <si>
    <t>穴井 謙志郎</t>
  </si>
  <si>
    <t>カヤバ YH GRヤリス</t>
  </si>
  <si>
    <t>相原 泰祐</t>
  </si>
  <si>
    <t>上原 あずみ</t>
  </si>
  <si>
    <t>D-SPORT RacingコペンGR SPORT</t>
  </si>
  <si>
    <t>今井 聡</t>
  </si>
  <si>
    <t>高橋 芙悠</t>
  </si>
  <si>
    <t>YSPEC・AKMMS・C3R5</t>
  </si>
  <si>
    <t>新井 大輝</t>
  </si>
  <si>
    <t>坂井 理崇</t>
  </si>
  <si>
    <t>R2R×YAHAGI GR Yaris Rally2</t>
  </si>
  <si>
    <t>R</t>
    <phoneticPr fontId="1"/>
  </si>
  <si>
    <t>山田 啓介</t>
  </si>
  <si>
    <t>藤井 俊樹</t>
  </si>
  <si>
    <t>FIT-EASYソミック石川DLGRヤリス</t>
  </si>
  <si>
    <t>JN-3</t>
  </si>
  <si>
    <t>奥井 優介</t>
  </si>
  <si>
    <t>藤田 めぐみ</t>
  </si>
  <si>
    <t>CUSCO GRG水戸けやき台 DL WMヤリス</t>
  </si>
  <si>
    <t>JN-3(MCC)</t>
  </si>
  <si>
    <t>米林 慶晃</t>
  </si>
  <si>
    <t>菅野 総一郎</t>
  </si>
  <si>
    <t>KTMS NRS GRヤリス</t>
  </si>
  <si>
    <t>長尾 綱也</t>
  </si>
  <si>
    <t>尼子 祥一</t>
  </si>
  <si>
    <t>DL WPMS GRヤリス</t>
  </si>
  <si>
    <t>小泉 敏志</t>
  </si>
  <si>
    <t>加勢 直毅</t>
  </si>
  <si>
    <t>MAYA  DLクスコ ドリームドライブGRヤリス</t>
  </si>
  <si>
    <t>大倉 聡</t>
  </si>
  <si>
    <t>豊田 耕司</t>
  </si>
  <si>
    <t>AISIN GR Yaris DAT</t>
  </si>
  <si>
    <t>内藤 学武</t>
  </si>
  <si>
    <t>大高 徹也</t>
  </si>
  <si>
    <t>YH TEIN Motys GRヤリス</t>
  </si>
  <si>
    <t>徳尾 慶太郎</t>
  </si>
  <si>
    <t>枝光 展義</t>
  </si>
  <si>
    <t>DLクスコitzzフォルテックヤリス</t>
  </si>
  <si>
    <t>石川 昌平</t>
  </si>
  <si>
    <t>佐々木 翔</t>
  </si>
  <si>
    <t>ARTAオートバックスGRヤリス</t>
  </si>
  <si>
    <t>山口 航平</t>
  </si>
  <si>
    <t>佐々木 裕一</t>
  </si>
  <si>
    <t>AQTEC-Wolf DL GR Yaris</t>
  </si>
  <si>
    <t>松原 周勢</t>
  </si>
  <si>
    <t>市橋 真由子</t>
  </si>
  <si>
    <t>RECARO NRS GRヤリス</t>
  </si>
  <si>
    <t>平川 真子</t>
  </si>
  <si>
    <t>冨本 諒</t>
  </si>
  <si>
    <t>TGR-WRJ GR YARIS DAT</t>
  </si>
  <si>
    <t>兼松 由奈</t>
  </si>
  <si>
    <t>坂井 智幸</t>
  </si>
  <si>
    <t>大東建託 ロッソモデロ GRYarisDAT</t>
  </si>
  <si>
    <t>田部井 翔大</t>
  </si>
  <si>
    <t>宮本 大輝</t>
  </si>
  <si>
    <t>CUSCO WM DL GR YARIS</t>
  </si>
  <si>
    <t>今橋 彩佳</t>
  </si>
  <si>
    <t>槻島 もも</t>
  </si>
  <si>
    <t>CUSCO tomica GR YARIS</t>
  </si>
  <si>
    <t>伊藤はづき</t>
  </si>
  <si>
    <t>鶴巻 駿介</t>
  </si>
  <si>
    <t>WinmaX CUSCO DL GR Yaris</t>
  </si>
  <si>
    <t>最上 佳樹</t>
  </si>
  <si>
    <t>小藤 桂一</t>
  </si>
  <si>
    <t>FIT-EASY ZEAL GR YARIS</t>
  </si>
  <si>
    <t>貝原 聖也</t>
  </si>
  <si>
    <t>西﨑 佳代子</t>
  </si>
  <si>
    <t>ADS多賀製作所K1カヤバGRヤリスDL</t>
  </si>
  <si>
    <t>三枝 聖弥</t>
  </si>
  <si>
    <t>木村 裕介</t>
  </si>
  <si>
    <t>IMSF DL GRヤリス 零号機</t>
  </si>
  <si>
    <t>岩堀 巧</t>
  </si>
  <si>
    <t>相原 貴浩</t>
  </si>
  <si>
    <t>一六RACING GRYARIS</t>
  </si>
  <si>
    <t>上原 淳</t>
  </si>
  <si>
    <t>漆戸 あゆみ</t>
  </si>
  <si>
    <t>埼玉スバル･ＤＬ・ＫＹＢ・シャフトＢＲＺ</t>
  </si>
  <si>
    <t>JN-4</t>
  </si>
  <si>
    <t>山口 清司</t>
  </si>
  <si>
    <t>澤田 耕一</t>
  </si>
  <si>
    <t>エナペタルADVAN久與GR86</t>
  </si>
  <si>
    <t>山本 悠太</t>
  </si>
  <si>
    <t>島根 剛</t>
  </si>
  <si>
    <t>Sammy愛知ﾄﾖﾀKoneﾙﾌﾞﾛｽYHGR86</t>
  </si>
  <si>
    <t>渡部 弘樹</t>
  </si>
  <si>
    <t>横山 慎太郎</t>
  </si>
  <si>
    <t>ウィンマックス ダンロップ クスコ ウルト 86</t>
  </si>
  <si>
    <t>加納 武彦</t>
  </si>
  <si>
    <t>萱原 直子</t>
  </si>
  <si>
    <t>ALEXエンクロスYHテインBRZ</t>
  </si>
  <si>
    <t>曽根 崇仁</t>
  </si>
  <si>
    <t>小川 由起</t>
  </si>
  <si>
    <t>P.MU☆DL☆SPM☆INGING☆GR86</t>
  </si>
  <si>
    <t>下口 紘輝</t>
  </si>
  <si>
    <t>小林 一貴</t>
  </si>
  <si>
    <t>K-one YH GR86</t>
  </si>
  <si>
    <t>鶴岡 雄次</t>
  </si>
  <si>
    <t>山岸 典将</t>
  </si>
  <si>
    <t>スマッシュ　梓　ダンロップ　itzz スイフト</t>
  </si>
  <si>
    <t>鮫島 大湖</t>
  </si>
  <si>
    <t>船木 佐知子</t>
  </si>
  <si>
    <t>el・DL・スピードハート・BRIGスイフト</t>
  </si>
  <si>
    <t>中野 敬太</t>
  </si>
  <si>
    <t>森井 康貴</t>
  </si>
  <si>
    <t>DUNLOPインパルスGR86</t>
  </si>
  <si>
    <t>飯田 駆</t>
  </si>
  <si>
    <t>吉井 紗英</t>
  </si>
  <si>
    <t>KYBワコーズレソルテスイフト</t>
  </si>
  <si>
    <t>内田 園美</t>
  </si>
  <si>
    <t>外山 貴士</t>
  </si>
  <si>
    <t>オカザえもんR／BRIDEシンボリBS71RZ</t>
  </si>
  <si>
    <t>松倉 拓郎</t>
  </si>
  <si>
    <t>山田 真記子</t>
  </si>
  <si>
    <t>DL☆Gセキネン鹿ソニックLOVCAヤリス</t>
  </si>
  <si>
    <t>JN-5</t>
  </si>
  <si>
    <t>阪口 知洋</t>
  </si>
  <si>
    <t>野口 智恵美</t>
  </si>
  <si>
    <t>Dicastal FORVIA日産学園DLマーチ</t>
  </si>
  <si>
    <t>有川 大輔</t>
  </si>
  <si>
    <t>河本 拓哉</t>
  </si>
  <si>
    <t>CUSCO WM DL TWR OTSヤリス</t>
  </si>
  <si>
    <t>高岡 威</t>
  </si>
  <si>
    <t>大倉 瞳</t>
  </si>
  <si>
    <t>ZACS DL Yaris</t>
  </si>
  <si>
    <t>山中 健志郎</t>
  </si>
  <si>
    <t>森 博則</t>
  </si>
  <si>
    <t>Dewpoint DL KYB デミオ</t>
  </si>
  <si>
    <t>HARU</t>
  </si>
  <si>
    <t>明治 慎太郎</t>
  </si>
  <si>
    <t>G-EYES　SYE　DL　CVTヤリス</t>
  </si>
  <si>
    <t>宮西 怜</t>
  </si>
  <si>
    <t>西村 正義</t>
  </si>
  <si>
    <t>スミロン⭐︎焼肉ふじ⭐︎YHヤリス</t>
  </si>
  <si>
    <t>本名 修也</t>
  </si>
  <si>
    <t>湊 比呂美</t>
  </si>
  <si>
    <t>AMAZEMENT∞DLヤリス</t>
  </si>
  <si>
    <t>天野 智之</t>
  </si>
  <si>
    <t>井上 裕紀子</t>
  </si>
  <si>
    <t>TRT DL RAV4 PHEV</t>
  </si>
  <si>
    <t>JN-X</t>
  </si>
  <si>
    <t>清水 和夫</t>
  </si>
  <si>
    <t>黒木 美珠</t>
  </si>
  <si>
    <t>TCS YARIS HEV</t>
  </si>
  <si>
    <t>中西 昌人</t>
  </si>
  <si>
    <t>山村 浩三</t>
  </si>
  <si>
    <t>ＹＨ・ＷＭ・ＯＲ・マクゼス・ＣＲ－Ｚ</t>
  </si>
  <si>
    <t>西木 孝浩</t>
  </si>
  <si>
    <t>岩﨑 由海</t>
  </si>
  <si>
    <t>DMG MORIアクア</t>
  </si>
  <si>
    <t>大塚 祐樹</t>
  </si>
  <si>
    <t>前花 亮平</t>
  </si>
  <si>
    <t>トゥーザコアメープルYHヤリスHV</t>
  </si>
  <si>
    <t>山北 研二</t>
  </si>
  <si>
    <t>鈴木 かおり</t>
  </si>
  <si>
    <t>八幡の鶏やDL翔恵龍アクア</t>
  </si>
  <si>
    <t>八瀬 誠</t>
  </si>
  <si>
    <t>尾ノ上 雅則</t>
  </si>
  <si>
    <t>OLDIES GR-YARIS</t>
  </si>
  <si>
    <t>OPEN</t>
  </si>
  <si>
    <t>国沢 光宏</t>
  </si>
  <si>
    <t>木原 雅彦</t>
  </si>
  <si>
    <t>チームミライースターボwithベストカー</t>
  </si>
  <si>
    <t>高山 仁</t>
  </si>
  <si>
    <t>竹藪 英樹</t>
  </si>
  <si>
    <t>DLフォルテックF-ＳＰＯＲＴプジョー106</t>
  </si>
  <si>
    <t>林野 友彦</t>
  </si>
  <si>
    <t>原田 直人</t>
  </si>
  <si>
    <t>シャフト LAMPY-J DL ヴィッツ</t>
  </si>
  <si>
    <t>いりえもん</t>
  </si>
  <si>
    <t>川口 達也</t>
  </si>
  <si>
    <t>Moty’s RALLIART COLT</t>
  </si>
  <si>
    <t>石田 貴之</t>
  </si>
  <si>
    <t>寺澤 竜麿</t>
  </si>
  <si>
    <t>APPREN CVSTOS PORSCHE</t>
  </si>
  <si>
    <t>CLSC</t>
  </si>
  <si>
    <t>仲 良二</t>
  </si>
  <si>
    <t>鈴木 和人</t>
  </si>
  <si>
    <t>ケルクU12ブルーバードSSS-R</t>
  </si>
  <si>
    <t>寺田 和雄</t>
  </si>
  <si>
    <t>浅井 道浩</t>
  </si>
  <si>
    <t>SANKYO MATERIAL 27TRUENO</t>
  </si>
  <si>
    <t>入川 秀人</t>
  </si>
  <si>
    <t>田中 佑樹</t>
  </si>
  <si>
    <t>ランチア デルタ</t>
  </si>
  <si>
    <t>斎藤 糧三</t>
  </si>
  <si>
    <t>船津 和行</t>
  </si>
  <si>
    <t>SaitoFarm ランチア デルタ</t>
  </si>
  <si>
    <t>トクイチ</t>
  </si>
  <si>
    <t>横嶋 良</t>
  </si>
  <si>
    <t>ロータス エラン</t>
  </si>
  <si>
    <t>モータースポーツクラブシンフォニーオブ京都/大阪電気通信大学体育会自動車部</t>
  </si>
  <si>
    <t>ペナルティー理由　CarNo.15：TC3Cにて7分遅着、CarNo.27：TC3Aにて1分遅着、CarNo.32：TC3Aにて6分遅着、CarNo.7：TC6Cにて6分遅着</t>
    <rPh sb="6" eb="8">
      <t>リユウ</t>
    </rPh>
    <rPh sb="25" eb="26">
      <t>フン</t>
    </rPh>
    <rPh sb="26" eb="28">
      <t>チチャク</t>
    </rPh>
    <phoneticPr fontId="1"/>
  </si>
  <si>
    <t>CarNo.20：TC8にて4分遅着、TC9Cにて13分遅着、CarNo.47：TC8にて1分遅着、CarNo.31：TC8にて5分遅着、CarNo.54,55：TC8にて4分遅着</t>
    <rPh sb="15" eb="16">
      <t>フン</t>
    </rPh>
    <rPh sb="16" eb="18">
      <t>チチャク</t>
    </rPh>
    <phoneticPr fontId="1"/>
  </si>
  <si>
    <t xml:space="preserve"> </t>
    <phoneticPr fontId="1"/>
  </si>
  <si>
    <t>掲示時刻　　　２０２６年５月１０日           　　　　　　　　時　　　　　　分　　　　　　　</t>
    <rPh sb="0" eb="2">
      <t>ケイジ</t>
    </rPh>
    <rPh sb="2" eb="4">
      <t>ジコク</t>
    </rPh>
    <rPh sb="11" eb="12">
      <t>ネン</t>
    </rPh>
    <rPh sb="13" eb="14">
      <t>ガツ</t>
    </rPh>
    <rPh sb="16" eb="17">
      <t>ヒ</t>
    </rPh>
    <rPh sb="36" eb="37">
      <t>ジ</t>
    </rPh>
    <rPh sb="43" eb="44">
      <t>フン</t>
    </rPh>
    <phoneticPr fontId="1"/>
  </si>
  <si>
    <t>.</t>
    <phoneticPr fontId="1"/>
  </si>
  <si>
    <r>
      <rPr>
        <u/>
        <sz val="16"/>
        <rFont val="ＭＳ Ｐゴシック"/>
        <family val="3"/>
        <charset val="128"/>
      </rPr>
      <t>競技長：　　　　　　　　　　　　　　　　　　　　　　　　　　</t>
    </r>
    <r>
      <rPr>
        <sz val="16"/>
        <rFont val="ＭＳ Ｐゴシック"/>
        <family val="3"/>
        <charset val="128"/>
      </rPr>
      <t>　　</t>
    </r>
    <r>
      <rPr>
        <u/>
        <sz val="16"/>
        <rFont val="ＭＳ Ｐゴシック"/>
        <family val="3"/>
        <charset val="128"/>
      </rPr>
      <t>計時委員長：　　　　　　　　　　　　　　　　　　　　　　　　　　</t>
    </r>
    <r>
      <rPr>
        <sz val="16"/>
        <rFont val="ＭＳ Ｐゴシック"/>
        <family val="3"/>
        <charset val="128"/>
      </rPr>
      <t>　　</t>
    </r>
    <r>
      <rPr>
        <sz val="16"/>
        <color indexed="9"/>
        <rFont val="ＭＳ Ｐゴシック"/>
        <family val="3"/>
        <charset val="128"/>
      </rPr>
      <t>０</t>
    </r>
    <r>
      <rPr>
        <sz val="16"/>
        <rFont val="ＭＳ Ｐゴシック"/>
        <family val="3"/>
        <charset val="128"/>
      </rPr>
      <t>　</t>
    </r>
    <phoneticPr fontId="1"/>
  </si>
  <si>
    <r>
      <rPr>
        <u/>
        <sz val="16"/>
        <rFont val="ＭＳ Ｐゴシック"/>
        <family val="3"/>
        <charset val="128"/>
      </rPr>
      <t>審査委員長：　  　　　　　　　　　　　　　　　　　　　　　</t>
    </r>
    <r>
      <rPr>
        <sz val="16"/>
        <rFont val="ＭＳ Ｐゴシック"/>
        <family val="3"/>
        <charset val="128"/>
      </rPr>
      <t>　　</t>
    </r>
    <r>
      <rPr>
        <u/>
        <sz val="16"/>
        <rFont val="ＭＳ Ｐゴシック"/>
        <family val="3"/>
        <charset val="128"/>
      </rPr>
      <t>審査委員：　　　　　　　　　　　　　　　　　　　　　　　　　　　</t>
    </r>
    <r>
      <rPr>
        <sz val="16"/>
        <rFont val="ＭＳ Ｐゴシック"/>
        <family val="3"/>
        <charset val="128"/>
      </rPr>
      <t>　　</t>
    </r>
    <r>
      <rPr>
        <u/>
        <sz val="16"/>
        <rFont val="ＭＳ Ｐゴシック"/>
        <family val="3"/>
        <charset val="128"/>
      </rPr>
      <t>審査委員：　　　　　　　　　　　　　　　　　　　　　　　　</t>
    </r>
    <r>
      <rPr>
        <sz val="16"/>
        <color indexed="9"/>
        <rFont val="ＭＳ Ｐゴシック"/>
        <family val="3"/>
        <charset val="128"/>
      </rPr>
      <t>０</t>
    </r>
    <r>
      <rPr>
        <sz val="16"/>
        <rFont val="ＭＳ Ｐゴシック"/>
        <family val="3"/>
        <charset val="128"/>
      </rPr>
      <t>　</t>
    </r>
    <phoneticPr fontId="1"/>
  </si>
  <si>
    <t>LEG1成績表</t>
    <rPh sb="4" eb="7">
      <t>セイセキヒョウ</t>
    </rPh>
    <phoneticPr fontId="1"/>
  </si>
  <si>
    <t>暫定結果</t>
    <rPh sb="0" eb="2">
      <t>ザンテイ</t>
    </rPh>
    <rPh sb="2" eb="4">
      <t>ケッカ</t>
    </rPh>
    <phoneticPr fontId="1"/>
  </si>
  <si>
    <t>ペナルティー理由　CarNo.：TCにて分遅着、</t>
    <rPh sb="6" eb="8">
      <t>リユウ</t>
    </rPh>
    <rPh sb="20" eb="21">
      <t>フン</t>
    </rPh>
    <rPh sb="21" eb="23">
      <t>チチャク</t>
    </rPh>
    <phoneticPr fontId="1"/>
  </si>
  <si>
    <t>掲示時刻　　　２０２６年５月９日           　　　　　　　　時　　　　　　分　　　　　　　</t>
    <rPh sb="0" eb="2">
      <t>ケイジ</t>
    </rPh>
    <rPh sb="2" eb="4">
      <t>ジコク</t>
    </rPh>
    <rPh sb="11" eb="12">
      <t>ネン</t>
    </rPh>
    <rPh sb="13" eb="14">
      <t>ガツ</t>
    </rPh>
    <rPh sb="15" eb="16">
      <t>ヒ</t>
    </rPh>
    <rPh sb="35" eb="36">
      <t>ジ</t>
    </rPh>
    <rPh sb="42" eb="43">
      <t>フ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SS&quot;0"/>
    <numFmt numFmtId="177" formatCode="[&lt;100]#0.0;[&lt;10000]#0&quot;:&quot;00.0;0&quot;:&quot;00&quot;:&quot;00.0"/>
    <numFmt numFmtId="178" formatCode="#0&quot;:&quot;00"/>
  </numFmts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12"/>
      <name val="ＭＳ Ｐゴシック"/>
      <family val="3"/>
      <charset val="128"/>
    </font>
    <font>
      <sz val="16"/>
      <name val="ＭＳ Ｐゴシック"/>
      <family val="3"/>
      <charset val="128"/>
    </font>
    <font>
      <u/>
      <sz val="16"/>
      <name val="ＭＳ Ｐゴシック"/>
      <family val="3"/>
      <charset val="128"/>
    </font>
    <font>
      <sz val="16"/>
      <color indexed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42"/>
        <bgColor indexed="64"/>
      </patternFill>
    </fill>
  </fills>
  <borders count="2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25">
    <xf numFmtId="0" fontId="0" fillId="0" borderId="0" xfId="0">
      <alignment vertical="center"/>
    </xf>
    <xf numFmtId="0" fontId="0" fillId="0" borderId="0" xfId="0" applyAlignment="1"/>
    <xf numFmtId="0" fontId="0" fillId="0" borderId="0" xfId="0" applyAlignment="1">
      <alignment horizontal="center"/>
    </xf>
    <xf numFmtId="0" fontId="2" fillId="0" borderId="1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0" xfId="0" applyAlignment="1">
      <alignment horizontal="right"/>
    </xf>
    <xf numFmtId="49" fontId="0" fillId="0" borderId="0" xfId="0" applyNumberFormat="1" applyAlignment="1">
      <alignment horizontal="right"/>
    </xf>
    <xf numFmtId="0" fontId="0" fillId="0" borderId="1" xfId="0" applyBorder="1" applyAlignment="1">
      <alignment horizontal="left"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2" borderId="2" xfId="0" applyFill="1" applyBorder="1">
      <alignment vertical="center"/>
    </xf>
    <xf numFmtId="0" fontId="0" fillId="2" borderId="4" xfId="0" applyFill="1" applyBorder="1">
      <alignment vertical="center"/>
    </xf>
    <xf numFmtId="176" fontId="0" fillId="2" borderId="3" xfId="0" applyNumberFormat="1" applyFill="1" applyBorder="1" applyAlignment="1">
      <alignment horizontal="center" vertical="center"/>
    </xf>
    <xf numFmtId="176" fontId="0" fillId="2" borderId="4" xfId="0" applyNumberFormat="1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2" borderId="8" xfId="0" applyFill="1" applyBorder="1" applyAlignment="1">
      <alignment horizontal="center" vertical="center"/>
    </xf>
    <xf numFmtId="0" fontId="0" fillId="2" borderId="4" xfId="0" applyFill="1" applyBorder="1" applyAlignment="1">
      <alignment horizontal="center" vertical="center"/>
    </xf>
    <xf numFmtId="0" fontId="0" fillId="2" borderId="3" xfId="0" applyFill="1" applyBorder="1">
      <alignment vertical="center"/>
    </xf>
    <xf numFmtId="0" fontId="3" fillId="0" borderId="9" xfId="0" applyFont="1" applyBorder="1" applyAlignment="1">
      <alignment horizontal="center" vertical="center"/>
    </xf>
    <xf numFmtId="0" fontId="3" fillId="0" borderId="9" xfId="0" applyFont="1" applyBorder="1">
      <alignment vertical="center"/>
    </xf>
    <xf numFmtId="0" fontId="3" fillId="0" borderId="10" xfId="0" applyFont="1" applyBorder="1">
      <alignment vertical="center"/>
    </xf>
    <xf numFmtId="177" fontId="3" fillId="0" borderId="11" xfId="0" applyNumberFormat="1" applyFont="1" applyBorder="1">
      <alignment vertical="center"/>
    </xf>
    <xf numFmtId="177" fontId="3" fillId="0" borderId="10" xfId="0" applyNumberFormat="1" applyFont="1" applyBorder="1">
      <alignment vertical="center"/>
    </xf>
    <xf numFmtId="177" fontId="3" fillId="0" borderId="9" xfId="0" applyNumberFormat="1" applyFont="1" applyBorder="1">
      <alignment vertical="center"/>
    </xf>
    <xf numFmtId="178" fontId="3" fillId="0" borderId="9" xfId="0" applyNumberFormat="1" applyFont="1" applyBorder="1">
      <alignment vertical="center"/>
    </xf>
    <xf numFmtId="0" fontId="3" fillId="0" borderId="12" xfId="0" applyFont="1" applyBorder="1" applyAlignment="1">
      <alignment horizontal="center" vertical="center"/>
    </xf>
    <xf numFmtId="177" fontId="3" fillId="0" borderId="13" xfId="0" applyNumberFormat="1" applyFont="1" applyBorder="1">
      <alignment vertical="center"/>
    </xf>
    <xf numFmtId="0" fontId="3" fillId="0" borderId="10" xfId="0" applyFont="1" applyBorder="1" applyAlignment="1">
      <alignment horizontal="center" vertical="center"/>
    </xf>
    <xf numFmtId="0" fontId="0" fillId="0" borderId="11" xfId="0" applyBorder="1">
      <alignment vertical="center"/>
    </xf>
    <xf numFmtId="0" fontId="3" fillId="3" borderId="14" xfId="0" applyFont="1" applyFill="1" applyBorder="1" applyAlignment="1">
      <alignment horizontal="center" vertical="center"/>
    </xf>
    <xf numFmtId="0" fontId="3" fillId="3" borderId="14" xfId="0" applyFont="1" applyFill="1" applyBorder="1">
      <alignment vertical="center"/>
    </xf>
    <xf numFmtId="0" fontId="3" fillId="3" borderId="15" xfId="0" applyFont="1" applyFill="1" applyBorder="1">
      <alignment vertical="center"/>
    </xf>
    <xf numFmtId="177" fontId="3" fillId="3" borderId="0" xfId="0" applyNumberFormat="1" applyFont="1" applyFill="1">
      <alignment vertical="center"/>
    </xf>
    <xf numFmtId="177" fontId="3" fillId="3" borderId="15" xfId="0" applyNumberFormat="1" applyFont="1" applyFill="1" applyBorder="1">
      <alignment vertical="center"/>
    </xf>
    <xf numFmtId="177" fontId="3" fillId="3" borderId="14" xfId="0" applyNumberFormat="1" applyFont="1" applyFill="1" applyBorder="1">
      <alignment vertical="center"/>
    </xf>
    <xf numFmtId="178" fontId="3" fillId="3" borderId="14" xfId="0" applyNumberFormat="1" applyFont="1" applyFill="1" applyBorder="1">
      <alignment vertical="center"/>
    </xf>
    <xf numFmtId="0" fontId="3" fillId="3" borderId="16" xfId="0" applyFont="1" applyFill="1" applyBorder="1" applyAlignment="1">
      <alignment horizontal="center" vertical="center"/>
    </xf>
    <xf numFmtId="177" fontId="3" fillId="3" borderId="17" xfId="0" applyNumberFormat="1" applyFont="1" applyFill="1" applyBorder="1">
      <alignment vertical="center"/>
    </xf>
    <xf numFmtId="0" fontId="3" fillId="3" borderId="15" xfId="0" applyFont="1" applyFill="1" applyBorder="1" applyAlignment="1">
      <alignment horizontal="center" vertical="center"/>
    </xf>
    <xf numFmtId="0" fontId="0" fillId="3" borderId="0" xfId="0" applyFill="1">
      <alignment vertical="center"/>
    </xf>
    <xf numFmtId="0" fontId="3" fillId="0" borderId="14" xfId="0" applyFont="1" applyBorder="1" applyAlignment="1">
      <alignment horizontal="center" vertical="center"/>
    </xf>
    <xf numFmtId="0" fontId="3" fillId="0" borderId="14" xfId="0" applyFont="1" applyBorder="1">
      <alignment vertical="center"/>
    </xf>
    <xf numFmtId="0" fontId="3" fillId="0" borderId="15" xfId="0" applyFont="1" applyBorder="1">
      <alignment vertical="center"/>
    </xf>
    <xf numFmtId="177" fontId="3" fillId="0" borderId="0" xfId="0" applyNumberFormat="1" applyFont="1">
      <alignment vertical="center"/>
    </xf>
    <xf numFmtId="177" fontId="3" fillId="0" borderId="15" xfId="0" applyNumberFormat="1" applyFont="1" applyBorder="1">
      <alignment vertical="center"/>
    </xf>
    <xf numFmtId="177" fontId="3" fillId="0" borderId="14" xfId="0" applyNumberFormat="1" applyFont="1" applyBorder="1">
      <alignment vertical="center"/>
    </xf>
    <xf numFmtId="178" fontId="3" fillId="0" borderId="14" xfId="0" applyNumberFormat="1" applyFont="1" applyBorder="1">
      <alignment vertical="center"/>
    </xf>
    <xf numFmtId="0" fontId="3" fillId="0" borderId="16" xfId="0" applyFont="1" applyBorder="1" applyAlignment="1">
      <alignment horizontal="center" vertical="center"/>
    </xf>
    <xf numFmtId="177" fontId="3" fillId="0" borderId="17" xfId="0" applyNumberFormat="1" applyFont="1" applyBorder="1">
      <alignment vertical="center"/>
    </xf>
    <xf numFmtId="0" fontId="3" fillId="0" borderId="15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8" xfId="0" applyFont="1" applyBorder="1">
      <alignment vertical="center"/>
    </xf>
    <xf numFmtId="0" fontId="3" fillId="0" borderId="19" xfId="0" applyFont="1" applyBorder="1">
      <alignment vertical="center"/>
    </xf>
    <xf numFmtId="177" fontId="3" fillId="0" borderId="1" xfId="0" applyNumberFormat="1" applyFont="1" applyBorder="1">
      <alignment vertical="center"/>
    </xf>
    <xf numFmtId="177" fontId="3" fillId="0" borderId="19" xfId="0" applyNumberFormat="1" applyFont="1" applyBorder="1">
      <alignment vertical="center"/>
    </xf>
    <xf numFmtId="177" fontId="3" fillId="0" borderId="18" xfId="0" applyNumberFormat="1" applyFont="1" applyBorder="1">
      <alignment vertical="center"/>
    </xf>
    <xf numFmtId="178" fontId="3" fillId="0" borderId="18" xfId="0" applyNumberFormat="1" applyFont="1" applyBorder="1">
      <alignment vertical="center"/>
    </xf>
    <xf numFmtId="177" fontId="3" fillId="0" borderId="18" xfId="0" applyNumberFormat="1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177" fontId="3" fillId="0" borderId="20" xfId="0" applyNumberFormat="1" applyFont="1" applyBorder="1">
      <alignment vertical="center"/>
    </xf>
    <xf numFmtId="0" fontId="3" fillId="0" borderId="19" xfId="0" applyFont="1" applyBorder="1" applyAlignment="1">
      <alignment horizontal="center" vertical="center"/>
    </xf>
    <xf numFmtId="177" fontId="3" fillId="3" borderId="14" xfId="0" applyNumberFormat="1" applyFont="1" applyFill="1" applyBorder="1" applyAlignment="1">
      <alignment horizontal="center" vertical="center"/>
    </xf>
    <xf numFmtId="177" fontId="3" fillId="0" borderId="14" xfId="0" applyNumberFormat="1" applyFont="1" applyBorder="1" applyAlignment="1">
      <alignment horizontal="center" vertical="center"/>
    </xf>
    <xf numFmtId="0" fontId="3" fillId="3" borderId="18" xfId="0" applyFont="1" applyFill="1" applyBorder="1" applyAlignment="1">
      <alignment horizontal="center" vertical="center"/>
    </xf>
    <xf numFmtId="0" fontId="3" fillId="3" borderId="18" xfId="0" applyFont="1" applyFill="1" applyBorder="1">
      <alignment vertical="center"/>
    </xf>
    <xf numFmtId="0" fontId="3" fillId="3" borderId="19" xfId="0" applyFont="1" applyFill="1" applyBorder="1">
      <alignment vertical="center"/>
    </xf>
    <xf numFmtId="177" fontId="3" fillId="3" borderId="1" xfId="0" applyNumberFormat="1" applyFont="1" applyFill="1" applyBorder="1">
      <alignment vertical="center"/>
    </xf>
    <xf numFmtId="177" fontId="3" fillId="3" borderId="19" xfId="0" applyNumberFormat="1" applyFont="1" applyFill="1" applyBorder="1">
      <alignment vertical="center"/>
    </xf>
    <xf numFmtId="177" fontId="3" fillId="3" borderId="18" xfId="0" applyNumberFormat="1" applyFont="1" applyFill="1" applyBorder="1">
      <alignment vertical="center"/>
    </xf>
    <xf numFmtId="178" fontId="3" fillId="3" borderId="18" xfId="0" applyNumberFormat="1" applyFont="1" applyFill="1" applyBorder="1">
      <alignment vertical="center"/>
    </xf>
    <xf numFmtId="0" fontId="3" fillId="3" borderId="5" xfId="0" applyFont="1" applyFill="1" applyBorder="1" applyAlignment="1">
      <alignment horizontal="center" vertical="center"/>
    </xf>
    <xf numFmtId="177" fontId="3" fillId="3" borderId="20" xfId="0" applyNumberFormat="1" applyFont="1" applyFill="1" applyBorder="1">
      <alignment vertical="center"/>
    </xf>
    <xf numFmtId="0" fontId="3" fillId="3" borderId="19" xfId="0" applyFont="1" applyFill="1" applyBorder="1" applyAlignment="1">
      <alignment horizontal="center" vertical="center"/>
    </xf>
    <xf numFmtId="0" fontId="0" fillId="3" borderId="1" xfId="0" applyFill="1" applyBorder="1">
      <alignment vertical="center"/>
    </xf>
    <xf numFmtId="177" fontId="3" fillId="3" borderId="18" xfId="0" applyNumberFormat="1" applyFont="1" applyFill="1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4" xfId="0" applyBorder="1">
      <alignment vertical="center"/>
    </xf>
    <xf numFmtId="0" fontId="0" fillId="0" borderId="15" xfId="0" applyBorder="1">
      <alignment vertical="center"/>
    </xf>
    <xf numFmtId="177" fontId="0" fillId="0" borderId="0" xfId="0" applyNumberFormat="1">
      <alignment vertical="center"/>
    </xf>
    <xf numFmtId="177" fontId="0" fillId="0" borderId="15" xfId="0" applyNumberFormat="1" applyBorder="1">
      <alignment vertical="center"/>
    </xf>
    <xf numFmtId="177" fontId="0" fillId="0" borderId="14" xfId="0" applyNumberFormat="1" applyBorder="1">
      <alignment vertical="center"/>
    </xf>
    <xf numFmtId="178" fontId="0" fillId="0" borderId="14" xfId="0" applyNumberFormat="1" applyBorder="1">
      <alignment vertical="center"/>
    </xf>
    <xf numFmtId="0" fontId="0" fillId="0" borderId="16" xfId="0" applyBorder="1" applyAlignment="1">
      <alignment horizontal="center" vertical="center"/>
    </xf>
    <xf numFmtId="177" fontId="0" fillId="0" borderId="17" xfId="0" applyNumberFormat="1" applyBorder="1">
      <alignment vertical="center"/>
    </xf>
    <xf numFmtId="0" fontId="0" fillId="0" borderId="15" xfId="0" applyBorder="1" applyAlignment="1">
      <alignment horizontal="center" vertical="center"/>
    </xf>
    <xf numFmtId="0" fontId="0" fillId="3" borderId="14" xfId="0" applyFill="1" applyBorder="1" applyAlignment="1">
      <alignment horizontal="center" vertical="center"/>
    </xf>
    <xf numFmtId="0" fontId="0" fillId="3" borderId="14" xfId="0" applyFill="1" applyBorder="1">
      <alignment vertical="center"/>
    </xf>
    <xf numFmtId="0" fontId="0" fillId="3" borderId="15" xfId="0" applyFill="1" applyBorder="1">
      <alignment vertical="center"/>
    </xf>
    <xf numFmtId="177" fontId="0" fillId="3" borderId="0" xfId="0" applyNumberFormat="1" applyFill="1">
      <alignment vertical="center"/>
    </xf>
    <xf numFmtId="177" fontId="0" fillId="3" borderId="15" xfId="0" applyNumberFormat="1" applyFill="1" applyBorder="1">
      <alignment vertical="center"/>
    </xf>
    <xf numFmtId="177" fontId="0" fillId="3" borderId="14" xfId="0" applyNumberFormat="1" applyFill="1" applyBorder="1">
      <alignment vertical="center"/>
    </xf>
    <xf numFmtId="178" fontId="0" fillId="3" borderId="14" xfId="0" applyNumberFormat="1" applyFill="1" applyBorder="1">
      <alignment vertical="center"/>
    </xf>
    <xf numFmtId="0" fontId="0" fillId="3" borderId="16" xfId="0" applyFill="1" applyBorder="1" applyAlignment="1">
      <alignment horizontal="center" vertical="center"/>
    </xf>
    <xf numFmtId="177" fontId="0" fillId="3" borderId="17" xfId="0" applyNumberFormat="1" applyFill="1" applyBorder="1">
      <alignment vertical="center"/>
    </xf>
    <xf numFmtId="0" fontId="0" fillId="3" borderId="15" xfId="0" applyFill="1" applyBorder="1" applyAlignment="1">
      <alignment horizontal="center" vertical="center"/>
    </xf>
    <xf numFmtId="0" fontId="0" fillId="3" borderId="18" xfId="0" applyFill="1" applyBorder="1" applyAlignment="1">
      <alignment horizontal="center" vertical="center"/>
    </xf>
    <xf numFmtId="0" fontId="0" fillId="3" borderId="18" xfId="0" applyFill="1" applyBorder="1">
      <alignment vertical="center"/>
    </xf>
    <xf numFmtId="0" fontId="0" fillId="3" borderId="19" xfId="0" applyFill="1" applyBorder="1">
      <alignment vertical="center"/>
    </xf>
    <xf numFmtId="177" fontId="0" fillId="3" borderId="1" xfId="0" applyNumberFormat="1" applyFill="1" applyBorder="1">
      <alignment vertical="center"/>
    </xf>
    <xf numFmtId="177" fontId="0" fillId="3" borderId="19" xfId="0" applyNumberFormat="1" applyFill="1" applyBorder="1">
      <alignment vertical="center"/>
    </xf>
    <xf numFmtId="177" fontId="0" fillId="3" borderId="18" xfId="0" applyNumberFormat="1" applyFill="1" applyBorder="1">
      <alignment vertical="center"/>
    </xf>
    <xf numFmtId="178" fontId="0" fillId="3" borderId="18" xfId="0" applyNumberFormat="1" applyFill="1" applyBorder="1">
      <alignment vertical="center"/>
    </xf>
    <xf numFmtId="0" fontId="0" fillId="3" borderId="5" xfId="0" applyFill="1" applyBorder="1" applyAlignment="1">
      <alignment horizontal="center" vertical="center"/>
    </xf>
    <xf numFmtId="177" fontId="0" fillId="3" borderId="20" xfId="0" applyNumberFormat="1" applyFill="1" applyBorder="1">
      <alignment vertical="center"/>
    </xf>
    <xf numFmtId="0" fontId="0" fillId="3" borderId="19" xfId="0" applyFill="1" applyBorder="1" applyAlignment="1">
      <alignment horizontal="center" vertical="center"/>
    </xf>
    <xf numFmtId="0" fontId="4" fillId="0" borderId="11" xfId="0" applyFont="1" applyBorder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49" fontId="4" fillId="0" borderId="0" xfId="0" applyNumberFormat="1" applyFont="1" applyAlignment="1">
      <alignment horizontal="right" vertical="center"/>
    </xf>
    <xf numFmtId="0" fontId="4" fillId="0" borderId="0" xfId="0" applyFont="1" applyAlignment="1"/>
    <xf numFmtId="0" fontId="4" fillId="0" borderId="0" xfId="0" applyFont="1" applyAlignment="1">
      <alignment horizontal="center"/>
    </xf>
    <xf numFmtId="0" fontId="0" fillId="0" borderId="0" xfId="0" applyAlignment="1">
      <alignment horizontal="center" vertical="center"/>
    </xf>
    <xf numFmtId="0" fontId="2" fillId="0" borderId="0" xfId="0" applyFont="1" applyAlignment="1"/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303213</xdr:colOff>
      <xdr:row>0</xdr:row>
      <xdr:rowOff>39052</xdr:rowOff>
    </xdr:from>
    <xdr:to>
      <xdr:col>16</xdr:col>
      <xdr:colOff>523558</xdr:colOff>
      <xdr:row>0</xdr:row>
      <xdr:rowOff>828065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1B940EDC-FECD-40A6-BB90-7850C2040F6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544763" y="39052"/>
          <a:ext cx="6925945" cy="789013"/>
        </a:xfrm>
        <a:prstGeom prst="rect">
          <a:avLst/>
        </a:prstGeom>
      </xdr:spPr>
    </xdr:pic>
    <xdr:clientData/>
  </xdr:twoCellAnchor>
  <xdr:twoCellAnchor>
    <xdr:from>
      <xdr:col>42</xdr:col>
      <xdr:colOff>159068</xdr:colOff>
      <xdr:row>0</xdr:row>
      <xdr:rowOff>45719</xdr:rowOff>
    </xdr:from>
    <xdr:to>
      <xdr:col>44</xdr:col>
      <xdr:colOff>319723</xdr:colOff>
      <xdr:row>0</xdr:row>
      <xdr:rowOff>723899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A636F85C-92DC-4F0A-9CDC-72318F456C7B}"/>
            </a:ext>
          </a:extLst>
        </xdr:cNvPr>
        <xdr:cNvSpPr txBox="1"/>
      </xdr:nvSpPr>
      <xdr:spPr>
        <a:xfrm>
          <a:off x="13278168" y="45719"/>
          <a:ext cx="1138555" cy="678180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>
            <a:lnSpc>
              <a:spcPts val="1100"/>
            </a:lnSpc>
          </a:pPr>
          <a:r>
            <a:rPr kumimoji="1" lang="ja-JP" altLang="en-US" sz="900">
              <a:latin typeface="+mn-ea"/>
              <a:ea typeface="+mn-ea"/>
            </a:rPr>
            <a:t>文書番号</a:t>
          </a:r>
          <a:r>
            <a:rPr kumimoji="1" lang="en-US" altLang="ja-JP" sz="900">
              <a:latin typeface="+mn-ea"/>
              <a:ea typeface="+mn-ea"/>
            </a:rPr>
            <a:t>:JRC3.15</a:t>
          </a:r>
        </a:p>
        <a:p>
          <a:pPr>
            <a:lnSpc>
              <a:spcPts val="1100"/>
            </a:lnSpc>
          </a:pPr>
          <a:r>
            <a:rPr kumimoji="1" lang="ja-JP" altLang="en-US" sz="900">
              <a:latin typeface="+mn-ea"/>
              <a:ea typeface="+mn-ea"/>
            </a:rPr>
            <a:t>発行日</a:t>
          </a:r>
          <a:r>
            <a:rPr kumimoji="1" lang="en-US" altLang="ja-JP" sz="900">
              <a:latin typeface="+mn-ea"/>
              <a:ea typeface="+mn-ea"/>
            </a:rPr>
            <a:t>:2026/5/10</a:t>
          </a:r>
        </a:p>
        <a:p>
          <a:pPr>
            <a:lnSpc>
              <a:spcPts val="1100"/>
            </a:lnSpc>
          </a:pPr>
          <a:r>
            <a:rPr kumimoji="1" lang="ja-JP" altLang="en-US" sz="900">
              <a:latin typeface="+mn-ea"/>
              <a:ea typeface="+mn-ea"/>
            </a:rPr>
            <a:t>発行者</a:t>
          </a:r>
          <a:r>
            <a:rPr kumimoji="1" lang="en-US" altLang="ja-JP" sz="900">
              <a:latin typeface="+mn-ea"/>
              <a:ea typeface="+mn-ea"/>
            </a:rPr>
            <a:t>:</a:t>
          </a:r>
          <a:r>
            <a:rPr kumimoji="1" lang="ja-JP" altLang="en-US" sz="900">
              <a:latin typeface="+mn-ea"/>
              <a:ea typeface="+mn-ea"/>
            </a:rPr>
            <a:t>計時委員長</a:t>
          </a:r>
        </a:p>
        <a:p>
          <a:pPr>
            <a:lnSpc>
              <a:spcPts val="1100"/>
            </a:lnSpc>
          </a:pPr>
          <a:r>
            <a:rPr kumimoji="1" lang="ja-JP" altLang="en-US" sz="900">
              <a:latin typeface="+mn-ea"/>
              <a:ea typeface="+mn-ea"/>
            </a:rPr>
            <a:t>宛先</a:t>
          </a:r>
          <a:r>
            <a:rPr kumimoji="1" lang="en-US" altLang="ja-JP" sz="900">
              <a:latin typeface="+mn-ea"/>
              <a:ea typeface="+mn-ea"/>
            </a:rPr>
            <a:t>:</a:t>
          </a:r>
          <a:r>
            <a:rPr kumimoji="1" lang="ja-JP" altLang="en-US" sz="900">
              <a:latin typeface="+mn-ea"/>
              <a:ea typeface="+mn-ea"/>
            </a:rPr>
            <a:t>全参加者</a:t>
          </a:r>
        </a:p>
      </xdr:txBody>
    </xdr:sp>
    <xdr:clientData/>
  </xdr:twoCellAnchor>
  <xdr:twoCellAnchor>
    <xdr:from>
      <xdr:col>0</xdr:col>
      <xdr:colOff>185737</xdr:colOff>
      <xdr:row>114</xdr:row>
      <xdr:rowOff>50167</xdr:rowOff>
    </xdr:from>
    <xdr:to>
      <xdr:col>2</xdr:col>
      <xdr:colOff>26035</xdr:colOff>
      <xdr:row>118</xdr:row>
      <xdr:rowOff>90171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41F423F2-EA67-4D22-81AD-DE727D84ED37}"/>
            </a:ext>
          </a:extLst>
        </xdr:cNvPr>
        <xdr:cNvSpPr txBox="1"/>
      </xdr:nvSpPr>
      <xdr:spPr>
        <a:xfrm>
          <a:off x="185737" y="22897467"/>
          <a:ext cx="1116648" cy="700404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>
            <a:lnSpc>
              <a:spcPts val="1100"/>
            </a:lnSpc>
          </a:pPr>
          <a:r>
            <a:rPr kumimoji="1" lang="ja-JP" altLang="en-US" sz="900">
              <a:latin typeface="+mn-ea"/>
              <a:ea typeface="+mn-ea"/>
            </a:rPr>
            <a:t>文書番号</a:t>
          </a:r>
          <a:r>
            <a:rPr kumimoji="1" lang="en-US" altLang="ja-JP" sz="900">
              <a:latin typeface="+mn-ea"/>
              <a:ea typeface="+mn-ea"/>
            </a:rPr>
            <a:t>:JRC3.7</a:t>
          </a:r>
        </a:p>
        <a:p>
          <a:pPr>
            <a:lnSpc>
              <a:spcPts val="1100"/>
            </a:lnSpc>
          </a:pPr>
          <a:r>
            <a:rPr kumimoji="1" lang="ja-JP" altLang="en-US" sz="900">
              <a:latin typeface="+mn-ea"/>
              <a:ea typeface="+mn-ea"/>
            </a:rPr>
            <a:t>発行日</a:t>
          </a:r>
          <a:r>
            <a:rPr kumimoji="1" lang="en-US" altLang="ja-JP" sz="900">
              <a:latin typeface="+mn-ea"/>
              <a:ea typeface="+mn-ea"/>
            </a:rPr>
            <a:t>:2026/5/9</a:t>
          </a:r>
        </a:p>
        <a:p>
          <a:pPr>
            <a:lnSpc>
              <a:spcPts val="1100"/>
            </a:lnSpc>
          </a:pPr>
          <a:r>
            <a:rPr kumimoji="1" lang="ja-JP" altLang="en-US" sz="900">
              <a:latin typeface="+mn-ea"/>
              <a:ea typeface="+mn-ea"/>
            </a:rPr>
            <a:t>発行者</a:t>
          </a:r>
          <a:r>
            <a:rPr kumimoji="1" lang="en-US" altLang="ja-JP" sz="900">
              <a:latin typeface="+mn-ea"/>
              <a:ea typeface="+mn-ea"/>
            </a:rPr>
            <a:t>:</a:t>
          </a:r>
          <a:r>
            <a:rPr kumimoji="1" lang="ja-JP" altLang="en-US" sz="900">
              <a:latin typeface="+mn-ea"/>
              <a:ea typeface="+mn-ea"/>
            </a:rPr>
            <a:t>事務局</a:t>
          </a:r>
        </a:p>
        <a:p>
          <a:pPr>
            <a:lnSpc>
              <a:spcPts val="1100"/>
            </a:lnSpc>
          </a:pPr>
          <a:r>
            <a:rPr kumimoji="1" lang="ja-JP" altLang="en-US" sz="900">
              <a:latin typeface="+mn-ea"/>
              <a:ea typeface="+mn-ea"/>
            </a:rPr>
            <a:t>宛先</a:t>
          </a:r>
          <a:r>
            <a:rPr kumimoji="1" lang="en-US" altLang="ja-JP" sz="900">
              <a:latin typeface="+mn-ea"/>
              <a:ea typeface="+mn-ea"/>
            </a:rPr>
            <a:t>:</a:t>
          </a:r>
          <a:r>
            <a:rPr kumimoji="1" lang="ja-JP" altLang="en-US" sz="900">
              <a:latin typeface="+mn-ea"/>
              <a:ea typeface="+mn-ea"/>
            </a:rPr>
            <a:t>全参加者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F04C2B-7AB2-4D3B-A095-211E503B97CF}">
  <sheetPr codeName="Sheet42">
    <tabColor indexed="42"/>
    <pageSetUpPr fitToPage="1"/>
  </sheetPr>
  <dimension ref="A1:AT159"/>
  <sheetViews>
    <sheetView tabSelected="1" view="pageBreakPreview" zoomScale="80" zoomScaleNormal="100" zoomScaleSheetLayoutView="80" workbookViewId="0">
      <pane xSplit="5" ySplit="3" topLeftCell="F4" activePane="bottomRight" state="frozen"/>
      <selection activeCell="A9" sqref="A9"/>
      <selection pane="topRight" activeCell="A9" sqref="A9"/>
      <selection pane="bottomLeft" activeCell="A9" sqref="A9"/>
      <selection pane="bottomRight" activeCell="A107" sqref="A107"/>
    </sheetView>
  </sheetViews>
  <sheetFormatPr defaultColWidth="9" defaultRowHeight="13" x14ac:dyDescent="0.2"/>
  <cols>
    <col min="1" max="1" width="4.453125" style="84" bestFit="1" customWidth="1"/>
    <col min="2" max="2" width="13.81640625" style="85" customWidth="1"/>
    <col min="3" max="3" width="13.81640625" style="86" customWidth="1"/>
    <col min="4" max="4" width="0" style="85" hidden="1" customWidth="1"/>
    <col min="5" max="5" width="12" style="84" bestFit="1" customWidth="1"/>
    <col min="6" max="17" width="7.6328125" customWidth="1"/>
    <col min="18" max="34" width="7.26953125" hidden="1" customWidth="1"/>
    <col min="35" max="35" width="7.26953125" style="86" hidden="1" customWidth="1"/>
    <col min="36" max="36" width="9.7265625" style="85" bestFit="1" customWidth="1"/>
    <col min="37" max="37" width="9" style="85"/>
    <col min="38" max="38" width="9.1796875" style="85" bestFit="1" customWidth="1"/>
    <col min="39" max="39" width="4.81640625" style="85" bestFit="1" customWidth="1"/>
    <col min="40" max="40" width="4.81640625" style="84" customWidth="1"/>
    <col min="41" max="41" width="9.7265625" bestFit="1" customWidth="1"/>
    <col min="42" max="43" width="4.81640625" customWidth="1"/>
    <col min="44" max="44" width="9.1796875" bestFit="1" customWidth="1"/>
    <col min="45" max="46" width="4.81640625" customWidth="1"/>
  </cols>
  <sheetData>
    <row r="1" spans="1:46" s="1" customFormat="1" ht="70" customHeight="1" x14ac:dyDescent="0.2">
      <c r="A1" t="s">
        <v>0</v>
      </c>
      <c r="E1" s="2"/>
      <c r="F1" s="3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4"/>
      <c r="AF1" s="4"/>
      <c r="AG1" s="4"/>
      <c r="AH1" s="4"/>
      <c r="AI1" s="4"/>
      <c r="AN1" s="5"/>
      <c r="AT1" s="6" t="s">
        <v>1</v>
      </c>
    </row>
    <row r="2" spans="1:46" s="8" customFormat="1" x14ac:dyDescent="0.2">
      <c r="A2" s="7" t="s">
        <v>2</v>
      </c>
      <c r="E2" s="9"/>
      <c r="F2" s="10" t="s">
        <v>3</v>
      </c>
      <c r="G2" s="10"/>
      <c r="H2" s="10"/>
      <c r="I2" s="10"/>
      <c r="J2" s="10"/>
      <c r="K2" s="10"/>
      <c r="L2" s="10" t="s">
        <v>4</v>
      </c>
      <c r="M2" s="10"/>
      <c r="N2" s="10"/>
      <c r="O2" s="10"/>
      <c r="P2" s="10"/>
      <c r="Q2" s="10"/>
      <c r="R2" s="11"/>
      <c r="S2" s="11"/>
      <c r="T2" s="11"/>
      <c r="U2" s="11"/>
      <c r="V2" s="11"/>
      <c r="W2" s="11"/>
      <c r="X2" s="11"/>
      <c r="Y2" s="11"/>
      <c r="Z2" s="11"/>
      <c r="AA2" s="11"/>
      <c r="AB2" s="11"/>
      <c r="AC2" s="11"/>
      <c r="AD2" s="11"/>
      <c r="AE2" s="11"/>
      <c r="AF2" s="11"/>
      <c r="AG2" s="11"/>
      <c r="AH2" s="11"/>
      <c r="AI2" s="12"/>
      <c r="AJ2" s="13"/>
      <c r="AM2" s="14" t="s">
        <v>5</v>
      </c>
      <c r="AN2" s="15"/>
      <c r="AO2" s="16" t="s">
        <v>3</v>
      </c>
      <c r="AP2" s="15"/>
      <c r="AQ2" s="17"/>
      <c r="AR2" s="14" t="s">
        <v>4</v>
      </c>
      <c r="AS2" s="15"/>
      <c r="AT2" s="17"/>
    </row>
    <row r="3" spans="1:46" s="26" customFormat="1" x14ac:dyDescent="0.2">
      <c r="A3" s="18" t="s">
        <v>6</v>
      </c>
      <c r="B3" s="19" t="s">
        <v>7</v>
      </c>
      <c r="C3" s="20" t="s">
        <v>8</v>
      </c>
      <c r="D3" s="19" t="s">
        <v>9</v>
      </c>
      <c r="E3" s="18" t="s">
        <v>10</v>
      </c>
      <c r="F3" s="21">
        <v>1</v>
      </c>
      <c r="G3" s="21">
        <v>2</v>
      </c>
      <c r="H3" s="21">
        <v>3</v>
      </c>
      <c r="I3" s="21">
        <v>4</v>
      </c>
      <c r="J3" s="21">
        <v>5</v>
      </c>
      <c r="K3" s="21">
        <v>6</v>
      </c>
      <c r="L3" s="21">
        <v>7</v>
      </c>
      <c r="M3" s="21">
        <v>8</v>
      </c>
      <c r="N3" s="21">
        <v>9</v>
      </c>
      <c r="O3" s="21">
        <v>10</v>
      </c>
      <c r="P3" s="21">
        <v>11</v>
      </c>
      <c r="Q3" s="21">
        <v>12</v>
      </c>
      <c r="R3" s="21">
        <v>13</v>
      </c>
      <c r="S3" s="21">
        <v>14</v>
      </c>
      <c r="T3" s="21">
        <v>15</v>
      </c>
      <c r="U3" s="21">
        <v>16</v>
      </c>
      <c r="V3" s="21">
        <v>17</v>
      </c>
      <c r="W3" s="21">
        <v>18</v>
      </c>
      <c r="X3" s="21">
        <v>19</v>
      </c>
      <c r="Y3" s="21">
        <v>20</v>
      </c>
      <c r="Z3" s="21">
        <v>21</v>
      </c>
      <c r="AA3" s="21">
        <v>22</v>
      </c>
      <c r="AB3" s="21">
        <v>23</v>
      </c>
      <c r="AC3" s="21">
        <v>24</v>
      </c>
      <c r="AD3" s="21">
        <v>25</v>
      </c>
      <c r="AE3" s="21">
        <v>26</v>
      </c>
      <c r="AF3" s="21">
        <v>27</v>
      </c>
      <c r="AG3" s="21">
        <v>28</v>
      </c>
      <c r="AH3" s="21">
        <v>29</v>
      </c>
      <c r="AI3" s="22">
        <v>30</v>
      </c>
      <c r="AJ3" s="18" t="s">
        <v>11</v>
      </c>
      <c r="AK3" s="18" t="s">
        <v>12</v>
      </c>
      <c r="AL3" s="18" t="s">
        <v>13</v>
      </c>
      <c r="AM3" s="18" t="s">
        <v>10</v>
      </c>
      <c r="AN3" s="23" t="s">
        <v>14</v>
      </c>
      <c r="AO3" s="24" t="s">
        <v>15</v>
      </c>
      <c r="AP3" s="18" t="s">
        <v>10</v>
      </c>
      <c r="AQ3" s="25" t="s">
        <v>14</v>
      </c>
      <c r="AR3" s="18" t="s">
        <v>15</v>
      </c>
      <c r="AS3" s="18" t="s">
        <v>10</v>
      </c>
      <c r="AT3" s="25" t="s">
        <v>14</v>
      </c>
    </row>
    <row r="4" spans="1:46" s="37" customFormat="1" ht="20" customHeight="1" x14ac:dyDescent="0.2">
      <c r="A4" s="27">
        <v>2</v>
      </c>
      <c r="B4" s="28" t="s">
        <v>16</v>
      </c>
      <c r="C4" s="29" t="s">
        <v>17</v>
      </c>
      <c r="D4" s="28" t="s">
        <v>18</v>
      </c>
      <c r="E4" s="27" t="s">
        <v>19</v>
      </c>
      <c r="F4" s="30">
        <v>227.7</v>
      </c>
      <c r="G4" s="30">
        <v>547.9</v>
      </c>
      <c r="H4" s="30">
        <v>532</v>
      </c>
      <c r="I4" s="30">
        <v>227</v>
      </c>
      <c r="J4" s="30">
        <v>543.1</v>
      </c>
      <c r="K4" s="30">
        <v>526.9</v>
      </c>
      <c r="L4" s="30">
        <v>656</v>
      </c>
      <c r="M4" s="30">
        <v>820.7</v>
      </c>
      <c r="N4" s="30">
        <v>45</v>
      </c>
      <c r="O4" s="30">
        <v>649.9</v>
      </c>
      <c r="P4" s="30">
        <v>816.1</v>
      </c>
      <c r="Q4" s="30">
        <v>45.7</v>
      </c>
      <c r="R4" s="30" t="s">
        <v>20</v>
      </c>
      <c r="S4" s="30" t="s">
        <v>20</v>
      </c>
      <c r="T4" s="30" t="s">
        <v>20</v>
      </c>
      <c r="U4" s="30" t="s">
        <v>20</v>
      </c>
      <c r="V4" s="30" t="s">
        <v>20</v>
      </c>
      <c r="W4" s="30" t="s">
        <v>20</v>
      </c>
      <c r="X4" s="30" t="s">
        <v>20</v>
      </c>
      <c r="Y4" s="30" t="s">
        <v>20</v>
      </c>
      <c r="Z4" s="30" t="s">
        <v>20</v>
      </c>
      <c r="AA4" s="30" t="s">
        <v>20</v>
      </c>
      <c r="AB4" s="30" t="s">
        <v>20</v>
      </c>
      <c r="AC4" s="30" t="s">
        <v>20</v>
      </c>
      <c r="AD4" s="30" t="s">
        <v>20</v>
      </c>
      <c r="AE4" s="30" t="s">
        <v>20</v>
      </c>
      <c r="AF4" s="30" t="s">
        <v>20</v>
      </c>
      <c r="AG4" s="30" t="s">
        <v>20</v>
      </c>
      <c r="AH4" s="30" t="s">
        <v>20</v>
      </c>
      <c r="AI4" s="31" t="s">
        <v>20</v>
      </c>
      <c r="AJ4" s="32">
        <v>5918</v>
      </c>
      <c r="AK4" s="33" t="s">
        <v>20</v>
      </c>
      <c r="AL4" s="32">
        <v>5918</v>
      </c>
      <c r="AM4" s="27">
        <v>1</v>
      </c>
      <c r="AN4" s="34">
        <v>1</v>
      </c>
      <c r="AO4" s="35">
        <v>2724.6</v>
      </c>
      <c r="AP4" s="27">
        <v>1</v>
      </c>
      <c r="AQ4" s="36">
        <v>1</v>
      </c>
      <c r="AR4" s="32">
        <v>3153.3999999999996</v>
      </c>
      <c r="AS4" s="27">
        <v>1</v>
      </c>
      <c r="AT4" s="36">
        <v>1</v>
      </c>
    </row>
    <row r="5" spans="1:46" s="48" customFormat="1" ht="20" customHeight="1" x14ac:dyDescent="0.2">
      <c r="A5" s="38">
        <v>3</v>
      </c>
      <c r="B5" s="39" t="s">
        <v>21</v>
      </c>
      <c r="C5" s="40" t="s">
        <v>22</v>
      </c>
      <c r="D5" s="39" t="s">
        <v>23</v>
      </c>
      <c r="E5" s="38" t="s">
        <v>19</v>
      </c>
      <c r="F5" s="41">
        <v>229</v>
      </c>
      <c r="G5" s="41">
        <v>549.6</v>
      </c>
      <c r="H5" s="41">
        <v>532.20000000000005</v>
      </c>
      <c r="I5" s="41">
        <v>228.2</v>
      </c>
      <c r="J5" s="41">
        <v>544.1</v>
      </c>
      <c r="K5" s="41">
        <v>528</v>
      </c>
      <c r="L5" s="41">
        <v>657.2</v>
      </c>
      <c r="M5" s="41">
        <v>823.9</v>
      </c>
      <c r="N5" s="41">
        <v>46.1</v>
      </c>
      <c r="O5" s="41">
        <v>656.7</v>
      </c>
      <c r="P5" s="41">
        <v>815.5</v>
      </c>
      <c r="Q5" s="41">
        <v>45.5</v>
      </c>
      <c r="R5" s="41" t="s">
        <v>20</v>
      </c>
      <c r="S5" s="41" t="s">
        <v>20</v>
      </c>
      <c r="T5" s="41" t="s">
        <v>20</v>
      </c>
      <c r="U5" s="41" t="s">
        <v>20</v>
      </c>
      <c r="V5" s="41" t="s">
        <v>20</v>
      </c>
      <c r="W5" s="41" t="s">
        <v>20</v>
      </c>
      <c r="X5" s="41" t="s">
        <v>20</v>
      </c>
      <c r="Y5" s="41" t="s">
        <v>20</v>
      </c>
      <c r="Z5" s="41" t="s">
        <v>20</v>
      </c>
      <c r="AA5" s="41" t="s">
        <v>20</v>
      </c>
      <c r="AB5" s="41" t="s">
        <v>20</v>
      </c>
      <c r="AC5" s="41" t="s">
        <v>20</v>
      </c>
      <c r="AD5" s="41" t="s">
        <v>20</v>
      </c>
      <c r="AE5" s="41" t="s">
        <v>20</v>
      </c>
      <c r="AF5" s="41" t="s">
        <v>20</v>
      </c>
      <c r="AG5" s="41" t="s">
        <v>20</v>
      </c>
      <c r="AH5" s="41" t="s">
        <v>20</v>
      </c>
      <c r="AI5" s="42" t="s">
        <v>20</v>
      </c>
      <c r="AJ5" s="43">
        <v>5936</v>
      </c>
      <c r="AK5" s="44" t="s">
        <v>20</v>
      </c>
      <c r="AL5" s="43">
        <v>5936</v>
      </c>
      <c r="AM5" s="38">
        <v>2</v>
      </c>
      <c r="AN5" s="45">
        <v>2</v>
      </c>
      <c r="AO5" s="46">
        <v>2731.1</v>
      </c>
      <c r="AP5" s="38">
        <v>2</v>
      </c>
      <c r="AQ5" s="47">
        <v>2</v>
      </c>
      <c r="AR5" s="43">
        <v>3204.9</v>
      </c>
      <c r="AS5" s="38">
        <v>2</v>
      </c>
      <c r="AT5" s="47">
        <v>2</v>
      </c>
    </row>
    <row r="6" spans="1:46" ht="20" customHeight="1" x14ac:dyDescent="0.2">
      <c r="A6" s="49">
        <v>4</v>
      </c>
      <c r="B6" s="50" t="s">
        <v>24</v>
      </c>
      <c r="C6" s="51" t="s">
        <v>25</v>
      </c>
      <c r="D6" s="50" t="s">
        <v>26</v>
      </c>
      <c r="E6" s="49" t="s">
        <v>19</v>
      </c>
      <c r="F6" s="52">
        <v>230.2</v>
      </c>
      <c r="G6" s="52">
        <v>548.29999999999995</v>
      </c>
      <c r="H6" s="52">
        <v>534.79999999999995</v>
      </c>
      <c r="I6" s="52">
        <v>229.9</v>
      </c>
      <c r="J6" s="52">
        <v>543.20000000000005</v>
      </c>
      <c r="K6" s="52">
        <v>532.79999999999995</v>
      </c>
      <c r="L6" s="52">
        <v>706.4</v>
      </c>
      <c r="M6" s="52">
        <v>830.9</v>
      </c>
      <c r="N6" s="52">
        <v>46.5</v>
      </c>
      <c r="O6" s="52">
        <v>655</v>
      </c>
      <c r="P6" s="52">
        <v>820.1</v>
      </c>
      <c r="Q6" s="52">
        <v>45.9</v>
      </c>
      <c r="R6" s="52" t="s">
        <v>20</v>
      </c>
      <c r="S6" s="52" t="s">
        <v>20</v>
      </c>
      <c r="T6" s="52" t="s">
        <v>20</v>
      </c>
      <c r="U6" s="52" t="s">
        <v>20</v>
      </c>
      <c r="V6" s="52" t="s">
        <v>20</v>
      </c>
      <c r="W6" s="52" t="s">
        <v>20</v>
      </c>
      <c r="X6" s="52" t="s">
        <v>20</v>
      </c>
      <c r="Y6" s="52" t="s">
        <v>20</v>
      </c>
      <c r="Z6" s="52" t="s">
        <v>20</v>
      </c>
      <c r="AA6" s="52" t="s">
        <v>20</v>
      </c>
      <c r="AB6" s="52" t="s">
        <v>20</v>
      </c>
      <c r="AC6" s="52" t="s">
        <v>20</v>
      </c>
      <c r="AD6" s="52" t="s">
        <v>20</v>
      </c>
      <c r="AE6" s="52" t="s">
        <v>20</v>
      </c>
      <c r="AF6" s="52" t="s">
        <v>20</v>
      </c>
      <c r="AG6" s="52" t="s">
        <v>20</v>
      </c>
      <c r="AH6" s="52" t="s">
        <v>20</v>
      </c>
      <c r="AI6" s="53" t="s">
        <v>20</v>
      </c>
      <c r="AJ6" s="54">
        <v>10004</v>
      </c>
      <c r="AK6" s="55" t="s">
        <v>20</v>
      </c>
      <c r="AL6" s="54">
        <v>10004</v>
      </c>
      <c r="AM6" s="49">
        <v>3</v>
      </c>
      <c r="AN6" s="56">
        <v>3</v>
      </c>
      <c r="AO6" s="57">
        <v>2739.2</v>
      </c>
      <c r="AP6" s="49">
        <v>3</v>
      </c>
      <c r="AQ6" s="58">
        <v>3</v>
      </c>
      <c r="AR6" s="54">
        <v>3224.8</v>
      </c>
      <c r="AS6" s="49">
        <v>3</v>
      </c>
      <c r="AT6" s="58">
        <v>3</v>
      </c>
    </row>
    <row r="7" spans="1:46" s="48" customFormat="1" ht="20" customHeight="1" x14ac:dyDescent="0.2">
      <c r="A7" s="38">
        <v>6</v>
      </c>
      <c r="B7" s="39" t="s">
        <v>27</v>
      </c>
      <c r="C7" s="40" t="s">
        <v>28</v>
      </c>
      <c r="D7" s="39" t="s">
        <v>29</v>
      </c>
      <c r="E7" s="38" t="s">
        <v>19</v>
      </c>
      <c r="F7" s="41">
        <v>230</v>
      </c>
      <c r="G7" s="41">
        <v>553.9</v>
      </c>
      <c r="H7" s="41">
        <v>542.4</v>
      </c>
      <c r="I7" s="41">
        <v>228.1</v>
      </c>
      <c r="J7" s="41">
        <v>543.20000000000005</v>
      </c>
      <c r="K7" s="41">
        <v>532.79999999999995</v>
      </c>
      <c r="L7" s="41">
        <v>708.3</v>
      </c>
      <c r="M7" s="41">
        <v>830</v>
      </c>
      <c r="N7" s="41">
        <v>45.2</v>
      </c>
      <c r="O7" s="41">
        <v>658.3</v>
      </c>
      <c r="P7" s="41">
        <v>824.4</v>
      </c>
      <c r="Q7" s="41">
        <v>45.9</v>
      </c>
      <c r="R7" s="41" t="s">
        <v>20</v>
      </c>
      <c r="S7" s="41" t="s">
        <v>20</v>
      </c>
      <c r="T7" s="41" t="s">
        <v>20</v>
      </c>
      <c r="U7" s="41" t="s">
        <v>20</v>
      </c>
      <c r="V7" s="41" t="s">
        <v>20</v>
      </c>
      <c r="W7" s="41" t="s">
        <v>20</v>
      </c>
      <c r="X7" s="41" t="s">
        <v>20</v>
      </c>
      <c r="Y7" s="41" t="s">
        <v>20</v>
      </c>
      <c r="Z7" s="41" t="s">
        <v>20</v>
      </c>
      <c r="AA7" s="41" t="s">
        <v>20</v>
      </c>
      <c r="AB7" s="41" t="s">
        <v>20</v>
      </c>
      <c r="AC7" s="41" t="s">
        <v>20</v>
      </c>
      <c r="AD7" s="41" t="s">
        <v>20</v>
      </c>
      <c r="AE7" s="41" t="s">
        <v>20</v>
      </c>
      <c r="AF7" s="41" t="s">
        <v>20</v>
      </c>
      <c r="AG7" s="41" t="s">
        <v>20</v>
      </c>
      <c r="AH7" s="41" t="s">
        <v>20</v>
      </c>
      <c r="AI7" s="42" t="s">
        <v>20</v>
      </c>
      <c r="AJ7" s="43">
        <v>10022.5</v>
      </c>
      <c r="AK7" s="44" t="s">
        <v>20</v>
      </c>
      <c r="AL7" s="43">
        <v>10022.5</v>
      </c>
      <c r="AM7" s="38">
        <v>4</v>
      </c>
      <c r="AN7" s="45">
        <v>4</v>
      </c>
      <c r="AO7" s="46">
        <v>2750.3999999999996</v>
      </c>
      <c r="AP7" s="38">
        <v>4</v>
      </c>
      <c r="AQ7" s="47">
        <v>4</v>
      </c>
      <c r="AR7" s="43">
        <v>3232.1</v>
      </c>
      <c r="AS7" s="38">
        <v>4</v>
      </c>
      <c r="AT7" s="47">
        <v>4</v>
      </c>
    </row>
    <row r="8" spans="1:46" ht="20" customHeight="1" x14ac:dyDescent="0.2">
      <c r="A8" s="49">
        <v>5</v>
      </c>
      <c r="B8" s="50" t="s">
        <v>30</v>
      </c>
      <c r="C8" s="51" t="s">
        <v>31</v>
      </c>
      <c r="D8" s="50" t="s">
        <v>32</v>
      </c>
      <c r="E8" s="49" t="s">
        <v>19</v>
      </c>
      <c r="F8" s="52">
        <v>231.2</v>
      </c>
      <c r="G8" s="52">
        <v>609.1</v>
      </c>
      <c r="H8" s="52">
        <v>549.70000000000005</v>
      </c>
      <c r="I8" s="52">
        <v>234.3</v>
      </c>
      <c r="J8" s="52">
        <v>556.20000000000005</v>
      </c>
      <c r="K8" s="52">
        <v>546.4</v>
      </c>
      <c r="L8" s="52">
        <v>710.2</v>
      </c>
      <c r="M8" s="52">
        <v>840.4</v>
      </c>
      <c r="N8" s="52">
        <v>46.9</v>
      </c>
      <c r="O8" s="52">
        <v>707.8</v>
      </c>
      <c r="P8" s="52">
        <v>847.4</v>
      </c>
      <c r="Q8" s="52">
        <v>47.8</v>
      </c>
      <c r="R8" s="52" t="s">
        <v>20</v>
      </c>
      <c r="S8" s="52" t="s">
        <v>20</v>
      </c>
      <c r="T8" s="52" t="s">
        <v>20</v>
      </c>
      <c r="U8" s="52" t="s">
        <v>20</v>
      </c>
      <c r="V8" s="52" t="s">
        <v>20</v>
      </c>
      <c r="W8" s="52" t="s">
        <v>20</v>
      </c>
      <c r="X8" s="52" t="s">
        <v>20</v>
      </c>
      <c r="Y8" s="52" t="s">
        <v>20</v>
      </c>
      <c r="Z8" s="52" t="s">
        <v>20</v>
      </c>
      <c r="AA8" s="52" t="s">
        <v>20</v>
      </c>
      <c r="AB8" s="52" t="s">
        <v>20</v>
      </c>
      <c r="AC8" s="52" t="s">
        <v>20</v>
      </c>
      <c r="AD8" s="52" t="s">
        <v>20</v>
      </c>
      <c r="AE8" s="52" t="s">
        <v>20</v>
      </c>
      <c r="AF8" s="52" t="s">
        <v>20</v>
      </c>
      <c r="AG8" s="52" t="s">
        <v>20</v>
      </c>
      <c r="AH8" s="52" t="s">
        <v>20</v>
      </c>
      <c r="AI8" s="53" t="s">
        <v>20</v>
      </c>
      <c r="AJ8" s="54">
        <v>10207.400000000001</v>
      </c>
      <c r="AK8" s="55" t="s">
        <v>20</v>
      </c>
      <c r="AL8" s="54">
        <v>10207.400000000001</v>
      </c>
      <c r="AM8" s="49">
        <v>5</v>
      </c>
      <c r="AN8" s="56">
        <v>6</v>
      </c>
      <c r="AO8" s="57">
        <v>2846.9</v>
      </c>
      <c r="AP8" s="49">
        <v>5</v>
      </c>
      <c r="AQ8" s="58">
        <v>5</v>
      </c>
      <c r="AR8" s="54">
        <v>3320.5</v>
      </c>
      <c r="AS8" s="49">
        <v>5</v>
      </c>
      <c r="AT8" s="58">
        <v>6</v>
      </c>
    </row>
    <row r="9" spans="1:46" s="48" customFormat="1" ht="20" customHeight="1" x14ac:dyDescent="0.2">
      <c r="A9" s="38">
        <v>9</v>
      </c>
      <c r="B9" s="39" t="s">
        <v>33</v>
      </c>
      <c r="C9" s="40" t="s">
        <v>34</v>
      </c>
      <c r="D9" s="39" t="s">
        <v>35</v>
      </c>
      <c r="E9" s="38" t="s">
        <v>19</v>
      </c>
      <c r="F9" s="41">
        <v>258.39999999999998</v>
      </c>
      <c r="G9" s="41">
        <v>700.8</v>
      </c>
      <c r="H9" s="41">
        <v>605</v>
      </c>
      <c r="I9" s="41">
        <v>247.1</v>
      </c>
      <c r="J9" s="41">
        <v>708</v>
      </c>
      <c r="K9" s="41">
        <v>608</v>
      </c>
      <c r="L9" s="41">
        <v>725.8</v>
      </c>
      <c r="M9" s="41">
        <v>918.3</v>
      </c>
      <c r="N9" s="41">
        <v>50.4</v>
      </c>
      <c r="O9" s="41">
        <v>804.4</v>
      </c>
      <c r="P9" s="41">
        <v>917</v>
      </c>
      <c r="Q9" s="41">
        <v>52</v>
      </c>
      <c r="R9" s="41" t="s">
        <v>20</v>
      </c>
      <c r="S9" s="41" t="s">
        <v>20</v>
      </c>
      <c r="T9" s="41" t="s">
        <v>20</v>
      </c>
      <c r="U9" s="41" t="s">
        <v>20</v>
      </c>
      <c r="V9" s="41" t="s">
        <v>20</v>
      </c>
      <c r="W9" s="41" t="s">
        <v>20</v>
      </c>
      <c r="X9" s="41" t="s">
        <v>20</v>
      </c>
      <c r="Y9" s="41" t="s">
        <v>20</v>
      </c>
      <c r="Z9" s="41" t="s">
        <v>20</v>
      </c>
      <c r="AA9" s="41" t="s">
        <v>20</v>
      </c>
      <c r="AB9" s="41" t="s">
        <v>20</v>
      </c>
      <c r="AC9" s="41" t="s">
        <v>20</v>
      </c>
      <c r="AD9" s="41" t="s">
        <v>20</v>
      </c>
      <c r="AE9" s="41" t="s">
        <v>20</v>
      </c>
      <c r="AF9" s="41" t="s">
        <v>20</v>
      </c>
      <c r="AG9" s="41" t="s">
        <v>20</v>
      </c>
      <c r="AH9" s="41" t="s">
        <v>20</v>
      </c>
      <c r="AI9" s="42" t="s">
        <v>20</v>
      </c>
      <c r="AJ9" s="43">
        <v>10755.2</v>
      </c>
      <c r="AK9" s="44" t="s">
        <v>20</v>
      </c>
      <c r="AL9" s="43">
        <v>10755.2</v>
      </c>
      <c r="AM9" s="38">
        <v>6</v>
      </c>
      <c r="AN9" s="45">
        <v>27</v>
      </c>
      <c r="AO9" s="46">
        <v>3207.3</v>
      </c>
      <c r="AP9" s="38">
        <v>7</v>
      </c>
      <c r="AQ9" s="47">
        <v>32</v>
      </c>
      <c r="AR9" s="43">
        <v>3547.9</v>
      </c>
      <c r="AS9" s="38">
        <v>9</v>
      </c>
      <c r="AT9" s="47">
        <v>30</v>
      </c>
    </row>
    <row r="10" spans="1:46" ht="20" customHeight="1" x14ac:dyDescent="0.2">
      <c r="A10" s="49">
        <v>10</v>
      </c>
      <c r="B10" s="50" t="s">
        <v>36</v>
      </c>
      <c r="C10" s="51" t="s">
        <v>37</v>
      </c>
      <c r="D10" s="50" t="s">
        <v>38</v>
      </c>
      <c r="E10" s="49" t="s">
        <v>19</v>
      </c>
      <c r="F10" s="52">
        <v>312.8</v>
      </c>
      <c r="G10" s="52">
        <v>722.7</v>
      </c>
      <c r="H10" s="52">
        <v>632.70000000000005</v>
      </c>
      <c r="I10" s="52">
        <v>252.6</v>
      </c>
      <c r="J10" s="52">
        <v>657.3</v>
      </c>
      <c r="K10" s="52">
        <v>625.4</v>
      </c>
      <c r="L10" s="52">
        <v>725.8</v>
      </c>
      <c r="M10" s="52">
        <v>924.5</v>
      </c>
      <c r="N10" s="52">
        <v>49.1</v>
      </c>
      <c r="O10" s="52">
        <v>742.9</v>
      </c>
      <c r="P10" s="52">
        <v>922.3</v>
      </c>
      <c r="Q10" s="52">
        <v>50.4</v>
      </c>
      <c r="R10" s="52" t="s">
        <v>20</v>
      </c>
      <c r="S10" s="52" t="s">
        <v>20</v>
      </c>
      <c r="T10" s="52" t="s">
        <v>20</v>
      </c>
      <c r="U10" s="52" t="s">
        <v>20</v>
      </c>
      <c r="V10" s="52" t="s">
        <v>20</v>
      </c>
      <c r="W10" s="52" t="s">
        <v>20</v>
      </c>
      <c r="X10" s="52" t="s">
        <v>20</v>
      </c>
      <c r="Y10" s="52" t="s">
        <v>20</v>
      </c>
      <c r="Z10" s="52" t="s">
        <v>20</v>
      </c>
      <c r="AA10" s="52" t="s">
        <v>20</v>
      </c>
      <c r="AB10" s="52" t="s">
        <v>20</v>
      </c>
      <c r="AC10" s="52" t="s">
        <v>20</v>
      </c>
      <c r="AD10" s="52" t="s">
        <v>20</v>
      </c>
      <c r="AE10" s="52" t="s">
        <v>20</v>
      </c>
      <c r="AF10" s="52" t="s">
        <v>20</v>
      </c>
      <c r="AG10" s="52" t="s">
        <v>20</v>
      </c>
      <c r="AH10" s="52" t="s">
        <v>20</v>
      </c>
      <c r="AI10" s="53" t="s">
        <v>20</v>
      </c>
      <c r="AJ10" s="54">
        <v>10858.5</v>
      </c>
      <c r="AK10" s="55" t="s">
        <v>20</v>
      </c>
      <c r="AL10" s="54">
        <v>10858.5</v>
      </c>
      <c r="AM10" s="49">
        <v>7</v>
      </c>
      <c r="AN10" s="56">
        <v>33</v>
      </c>
      <c r="AO10" s="57">
        <v>3323.5</v>
      </c>
      <c r="AP10" s="49">
        <v>8</v>
      </c>
      <c r="AQ10" s="58">
        <v>40</v>
      </c>
      <c r="AR10" s="54">
        <v>3534.9999999999995</v>
      </c>
      <c r="AS10" s="49">
        <v>8</v>
      </c>
      <c r="AT10" s="58">
        <v>26</v>
      </c>
    </row>
    <row r="11" spans="1:46" s="48" customFormat="1" ht="20" customHeight="1" x14ac:dyDescent="0.2">
      <c r="A11" s="38">
        <v>7</v>
      </c>
      <c r="B11" s="39" t="s">
        <v>39</v>
      </c>
      <c r="C11" s="40" t="s">
        <v>40</v>
      </c>
      <c r="D11" s="39" t="s">
        <v>41</v>
      </c>
      <c r="E11" s="38" t="s">
        <v>19</v>
      </c>
      <c r="F11" s="41">
        <v>250</v>
      </c>
      <c r="G11" s="41">
        <v>650.29999999999995</v>
      </c>
      <c r="H11" s="41">
        <v>632.6</v>
      </c>
      <c r="I11" s="41">
        <v>253.4</v>
      </c>
      <c r="J11" s="41">
        <v>647.6</v>
      </c>
      <c r="K11" s="41">
        <v>633.5</v>
      </c>
      <c r="L11" s="41">
        <v>725.8</v>
      </c>
      <c r="M11" s="41">
        <v>925.5</v>
      </c>
      <c r="N11" s="41">
        <v>48.4</v>
      </c>
      <c r="O11" s="41">
        <v>748</v>
      </c>
      <c r="P11" s="41">
        <v>916.6</v>
      </c>
      <c r="Q11" s="41">
        <v>48.4</v>
      </c>
      <c r="R11" s="41" t="s">
        <v>20</v>
      </c>
      <c r="S11" s="41" t="s">
        <v>20</v>
      </c>
      <c r="T11" s="41" t="s">
        <v>20</v>
      </c>
      <c r="U11" s="41" t="s">
        <v>20</v>
      </c>
      <c r="V11" s="41" t="s">
        <v>20</v>
      </c>
      <c r="W11" s="41" t="s">
        <v>20</v>
      </c>
      <c r="X11" s="41" t="s">
        <v>20</v>
      </c>
      <c r="Y11" s="41" t="s">
        <v>20</v>
      </c>
      <c r="Z11" s="41" t="s">
        <v>20</v>
      </c>
      <c r="AA11" s="41" t="s">
        <v>20</v>
      </c>
      <c r="AB11" s="41" t="s">
        <v>20</v>
      </c>
      <c r="AC11" s="41" t="s">
        <v>20</v>
      </c>
      <c r="AD11" s="41" t="s">
        <v>20</v>
      </c>
      <c r="AE11" s="41" t="s">
        <v>20</v>
      </c>
      <c r="AF11" s="41" t="s">
        <v>20</v>
      </c>
      <c r="AG11" s="41" t="s">
        <v>20</v>
      </c>
      <c r="AH11" s="41" t="s">
        <v>20</v>
      </c>
      <c r="AI11" s="42" t="s">
        <v>20</v>
      </c>
      <c r="AJ11" s="43">
        <v>10800.1</v>
      </c>
      <c r="AK11" s="44">
        <v>100</v>
      </c>
      <c r="AL11" s="43">
        <v>10900.1</v>
      </c>
      <c r="AM11" s="38">
        <v>8</v>
      </c>
      <c r="AN11" s="45">
        <v>34</v>
      </c>
      <c r="AO11" s="46">
        <v>3327.4</v>
      </c>
      <c r="AP11" s="38">
        <v>9</v>
      </c>
      <c r="AQ11" s="47">
        <v>42</v>
      </c>
      <c r="AR11" s="43">
        <v>3532.7000000000003</v>
      </c>
      <c r="AS11" s="38">
        <v>7</v>
      </c>
      <c r="AT11" s="47">
        <v>25</v>
      </c>
    </row>
    <row r="12" spans="1:46" ht="20" customHeight="1" x14ac:dyDescent="0.2">
      <c r="A12" s="49">
        <v>11</v>
      </c>
      <c r="B12" s="50" t="s">
        <v>42</v>
      </c>
      <c r="C12" s="51" t="s">
        <v>43</v>
      </c>
      <c r="D12" s="50" t="s">
        <v>44</v>
      </c>
      <c r="E12" s="49" t="s">
        <v>19</v>
      </c>
      <c r="F12" s="52">
        <v>328.5</v>
      </c>
      <c r="G12" s="52">
        <v>838.5</v>
      </c>
      <c r="H12" s="52">
        <v>729.2</v>
      </c>
      <c r="I12" s="52">
        <v>325.39999999999998</v>
      </c>
      <c r="J12" s="52">
        <v>838.7</v>
      </c>
      <c r="K12" s="52">
        <v>718.3</v>
      </c>
      <c r="L12" s="52">
        <v>725.8</v>
      </c>
      <c r="M12" s="52">
        <v>1119</v>
      </c>
      <c r="N12" s="52">
        <v>54.8</v>
      </c>
      <c r="O12" s="52">
        <v>947.1</v>
      </c>
      <c r="P12" s="52">
        <v>1117.2</v>
      </c>
      <c r="Q12" s="52">
        <v>55.4</v>
      </c>
      <c r="R12" s="52" t="s">
        <v>20</v>
      </c>
      <c r="S12" s="52" t="s">
        <v>20</v>
      </c>
      <c r="T12" s="52" t="s">
        <v>20</v>
      </c>
      <c r="U12" s="52" t="s">
        <v>20</v>
      </c>
      <c r="V12" s="52" t="s">
        <v>20</v>
      </c>
      <c r="W12" s="52" t="s">
        <v>20</v>
      </c>
      <c r="X12" s="52" t="s">
        <v>20</v>
      </c>
      <c r="Y12" s="52" t="s">
        <v>20</v>
      </c>
      <c r="Z12" s="52" t="s">
        <v>20</v>
      </c>
      <c r="AA12" s="52" t="s">
        <v>20</v>
      </c>
      <c r="AB12" s="52" t="s">
        <v>20</v>
      </c>
      <c r="AC12" s="52" t="s">
        <v>20</v>
      </c>
      <c r="AD12" s="52" t="s">
        <v>20</v>
      </c>
      <c r="AE12" s="52" t="s">
        <v>20</v>
      </c>
      <c r="AF12" s="52" t="s">
        <v>20</v>
      </c>
      <c r="AG12" s="52" t="s">
        <v>20</v>
      </c>
      <c r="AH12" s="52" t="s">
        <v>20</v>
      </c>
      <c r="AI12" s="53" t="s">
        <v>20</v>
      </c>
      <c r="AJ12" s="54">
        <v>12037.9</v>
      </c>
      <c r="AK12" s="55" t="s">
        <v>20</v>
      </c>
      <c r="AL12" s="54">
        <v>12037.9</v>
      </c>
      <c r="AM12" s="49">
        <v>9</v>
      </c>
      <c r="AN12" s="56">
        <v>50</v>
      </c>
      <c r="AO12" s="57">
        <v>3858.6</v>
      </c>
      <c r="AP12" s="49">
        <v>10</v>
      </c>
      <c r="AQ12" s="58">
        <v>55</v>
      </c>
      <c r="AR12" s="54">
        <v>4139.2999999999993</v>
      </c>
      <c r="AS12" s="49">
        <v>10</v>
      </c>
      <c r="AT12" s="58">
        <v>51</v>
      </c>
    </row>
    <row r="13" spans="1:46" s="48" customFormat="1" ht="20" customHeight="1" x14ac:dyDescent="0.2">
      <c r="A13" s="38">
        <v>8</v>
      </c>
      <c r="B13" s="39" t="s">
        <v>45</v>
      </c>
      <c r="C13" s="40" t="s">
        <v>46</v>
      </c>
      <c r="D13" s="39" t="s">
        <v>47</v>
      </c>
      <c r="E13" s="38" t="s">
        <v>19</v>
      </c>
      <c r="F13" s="41">
        <v>302.3</v>
      </c>
      <c r="G13" s="41">
        <v>1536.2</v>
      </c>
      <c r="H13" s="41">
        <v>1531.5</v>
      </c>
      <c r="I13" s="41">
        <v>1224.8</v>
      </c>
      <c r="J13" s="41">
        <v>1530.3</v>
      </c>
      <c r="K13" s="41">
        <v>1523.8</v>
      </c>
      <c r="L13" s="41">
        <v>725.8</v>
      </c>
      <c r="M13" s="41">
        <v>933.3</v>
      </c>
      <c r="N13" s="41">
        <v>48.6</v>
      </c>
      <c r="O13" s="41">
        <v>741.9</v>
      </c>
      <c r="P13" s="41">
        <v>857</v>
      </c>
      <c r="Q13" s="41">
        <v>49.4</v>
      </c>
      <c r="R13" s="41" t="s">
        <v>20</v>
      </c>
      <c r="S13" s="41" t="s">
        <v>20</v>
      </c>
      <c r="T13" s="41" t="s">
        <v>20</v>
      </c>
      <c r="U13" s="41" t="s">
        <v>20</v>
      </c>
      <c r="V13" s="41" t="s">
        <v>20</v>
      </c>
      <c r="W13" s="41" t="s">
        <v>20</v>
      </c>
      <c r="X13" s="41" t="s">
        <v>20</v>
      </c>
      <c r="Y13" s="41" t="s">
        <v>20</v>
      </c>
      <c r="Z13" s="41" t="s">
        <v>20</v>
      </c>
      <c r="AA13" s="41" t="s">
        <v>20</v>
      </c>
      <c r="AB13" s="41" t="s">
        <v>20</v>
      </c>
      <c r="AC13" s="41" t="s">
        <v>20</v>
      </c>
      <c r="AD13" s="41" t="s">
        <v>20</v>
      </c>
      <c r="AE13" s="41" t="s">
        <v>20</v>
      </c>
      <c r="AF13" s="41" t="s">
        <v>20</v>
      </c>
      <c r="AG13" s="41" t="s">
        <v>20</v>
      </c>
      <c r="AH13" s="41" t="s">
        <v>20</v>
      </c>
      <c r="AI13" s="42" t="s">
        <v>20</v>
      </c>
      <c r="AJ13" s="43">
        <v>15244.900000000001</v>
      </c>
      <c r="AK13" s="44" t="s">
        <v>20</v>
      </c>
      <c r="AL13" s="43">
        <v>15244.900000000001</v>
      </c>
      <c r="AM13" s="38">
        <v>10</v>
      </c>
      <c r="AN13" s="45">
        <v>51</v>
      </c>
      <c r="AO13" s="46">
        <v>11728.900000000001</v>
      </c>
      <c r="AP13" s="38">
        <v>11</v>
      </c>
      <c r="AQ13" s="47">
        <v>56</v>
      </c>
      <c r="AR13" s="43">
        <v>3516</v>
      </c>
      <c r="AS13" s="38">
        <v>6</v>
      </c>
      <c r="AT13" s="47">
        <v>22</v>
      </c>
    </row>
    <row r="14" spans="1:46" s="8" customFormat="1" ht="20" customHeight="1" x14ac:dyDescent="0.2">
      <c r="A14" s="59">
        <v>1</v>
      </c>
      <c r="B14" s="60" t="s">
        <v>48</v>
      </c>
      <c r="C14" s="61" t="s">
        <v>49</v>
      </c>
      <c r="D14" s="60" t="s">
        <v>50</v>
      </c>
      <c r="E14" s="59" t="s">
        <v>19</v>
      </c>
      <c r="F14" s="62">
        <v>225.6</v>
      </c>
      <c r="G14" s="62">
        <v>536.20000000000005</v>
      </c>
      <c r="H14" s="62">
        <v>531.5</v>
      </c>
      <c r="I14" s="62">
        <v>224.8</v>
      </c>
      <c r="J14" s="62">
        <v>530.29999999999995</v>
      </c>
      <c r="K14" s="62">
        <v>523.79999999999995</v>
      </c>
      <c r="L14" s="62" t="s">
        <v>20</v>
      </c>
      <c r="M14" s="62" t="s">
        <v>20</v>
      </c>
      <c r="N14" s="62" t="s">
        <v>20</v>
      </c>
      <c r="O14" s="62" t="s">
        <v>20</v>
      </c>
      <c r="P14" s="62" t="s">
        <v>20</v>
      </c>
      <c r="Q14" s="62" t="s">
        <v>20</v>
      </c>
      <c r="R14" s="62" t="s">
        <v>20</v>
      </c>
      <c r="S14" s="62" t="s">
        <v>20</v>
      </c>
      <c r="T14" s="62" t="s">
        <v>20</v>
      </c>
      <c r="U14" s="62" t="s">
        <v>20</v>
      </c>
      <c r="V14" s="62" t="s">
        <v>20</v>
      </c>
      <c r="W14" s="62" t="s">
        <v>20</v>
      </c>
      <c r="X14" s="62" t="s">
        <v>20</v>
      </c>
      <c r="Y14" s="62" t="s">
        <v>20</v>
      </c>
      <c r="Z14" s="62" t="s">
        <v>20</v>
      </c>
      <c r="AA14" s="62" t="s">
        <v>20</v>
      </c>
      <c r="AB14" s="62" t="s">
        <v>20</v>
      </c>
      <c r="AC14" s="62" t="s">
        <v>20</v>
      </c>
      <c r="AD14" s="62" t="s">
        <v>20</v>
      </c>
      <c r="AE14" s="62" t="s">
        <v>20</v>
      </c>
      <c r="AF14" s="62" t="s">
        <v>20</v>
      </c>
      <c r="AG14" s="62" t="s">
        <v>20</v>
      </c>
      <c r="AH14" s="62" t="s">
        <v>20</v>
      </c>
      <c r="AI14" s="63" t="s">
        <v>20</v>
      </c>
      <c r="AJ14" s="64" t="s">
        <v>20</v>
      </c>
      <c r="AK14" s="65">
        <v>300</v>
      </c>
      <c r="AL14" s="66" t="s">
        <v>51</v>
      </c>
      <c r="AM14" s="59"/>
      <c r="AN14" s="67" t="s">
        <v>20</v>
      </c>
      <c r="AO14" s="68">
        <v>2952.2</v>
      </c>
      <c r="AP14" s="59">
        <v>6</v>
      </c>
      <c r="AQ14" s="69">
        <v>14</v>
      </c>
      <c r="AR14" s="64" t="s">
        <v>20</v>
      </c>
      <c r="AS14" s="59" t="s">
        <v>20</v>
      </c>
      <c r="AT14" s="69" t="s">
        <v>20</v>
      </c>
    </row>
    <row r="15" spans="1:46" s="48" customFormat="1" ht="20" customHeight="1" x14ac:dyDescent="0.2">
      <c r="A15" s="38">
        <v>12</v>
      </c>
      <c r="B15" s="39" t="s">
        <v>52</v>
      </c>
      <c r="C15" s="40" t="s">
        <v>53</v>
      </c>
      <c r="D15" s="39" t="s">
        <v>54</v>
      </c>
      <c r="E15" s="38" t="s">
        <v>55</v>
      </c>
      <c r="F15" s="41">
        <v>235.8</v>
      </c>
      <c r="G15" s="41">
        <v>608.6</v>
      </c>
      <c r="H15" s="41">
        <v>544.70000000000005</v>
      </c>
      <c r="I15" s="41">
        <v>234.4</v>
      </c>
      <c r="J15" s="41">
        <v>607.29999999999995</v>
      </c>
      <c r="K15" s="41">
        <v>541.20000000000005</v>
      </c>
      <c r="L15" s="41">
        <v>709.4</v>
      </c>
      <c r="M15" s="41">
        <v>839.4</v>
      </c>
      <c r="N15" s="41">
        <v>47.1</v>
      </c>
      <c r="O15" s="41">
        <v>706.8</v>
      </c>
      <c r="P15" s="41">
        <v>844.3</v>
      </c>
      <c r="Q15" s="41">
        <v>46.9</v>
      </c>
      <c r="R15" s="41" t="s">
        <v>20</v>
      </c>
      <c r="S15" s="41" t="s">
        <v>20</v>
      </c>
      <c r="T15" s="41" t="s">
        <v>20</v>
      </c>
      <c r="U15" s="41" t="s">
        <v>20</v>
      </c>
      <c r="V15" s="41" t="s">
        <v>20</v>
      </c>
      <c r="W15" s="41" t="s">
        <v>20</v>
      </c>
      <c r="X15" s="41" t="s">
        <v>20</v>
      </c>
      <c r="Y15" s="41" t="s">
        <v>20</v>
      </c>
      <c r="Z15" s="41" t="s">
        <v>20</v>
      </c>
      <c r="AA15" s="41" t="s">
        <v>20</v>
      </c>
      <c r="AB15" s="41" t="s">
        <v>20</v>
      </c>
      <c r="AC15" s="41" t="s">
        <v>20</v>
      </c>
      <c r="AD15" s="41" t="s">
        <v>20</v>
      </c>
      <c r="AE15" s="41" t="s">
        <v>20</v>
      </c>
      <c r="AF15" s="41" t="s">
        <v>20</v>
      </c>
      <c r="AG15" s="41" t="s">
        <v>20</v>
      </c>
      <c r="AH15" s="41" t="s">
        <v>20</v>
      </c>
      <c r="AI15" s="42" t="s">
        <v>20</v>
      </c>
      <c r="AJ15" s="43">
        <v>10205.9</v>
      </c>
      <c r="AK15" s="44" t="s">
        <v>20</v>
      </c>
      <c r="AL15" s="43">
        <v>10205.9</v>
      </c>
      <c r="AM15" s="38">
        <v>1</v>
      </c>
      <c r="AN15" s="45">
        <v>5</v>
      </c>
      <c r="AO15" s="46">
        <v>2852</v>
      </c>
      <c r="AP15" s="38">
        <v>1</v>
      </c>
      <c r="AQ15" s="47">
        <v>6</v>
      </c>
      <c r="AR15" s="43">
        <v>3313.8999999999996</v>
      </c>
      <c r="AS15" s="38">
        <v>1</v>
      </c>
      <c r="AT15" s="47">
        <v>5</v>
      </c>
    </row>
    <row r="16" spans="1:46" ht="20" customHeight="1" x14ac:dyDescent="0.2">
      <c r="A16" s="49">
        <v>19</v>
      </c>
      <c r="B16" s="50" t="s">
        <v>56</v>
      </c>
      <c r="C16" s="51" t="s">
        <v>57</v>
      </c>
      <c r="D16" s="50" t="s">
        <v>58</v>
      </c>
      <c r="E16" s="49" t="s">
        <v>59</v>
      </c>
      <c r="F16" s="52">
        <v>234.8</v>
      </c>
      <c r="G16" s="52">
        <v>605.79999999999995</v>
      </c>
      <c r="H16" s="52">
        <v>551.6</v>
      </c>
      <c r="I16" s="52">
        <v>238.2</v>
      </c>
      <c r="J16" s="52">
        <v>603.20000000000005</v>
      </c>
      <c r="K16" s="52">
        <v>553.20000000000005</v>
      </c>
      <c r="L16" s="52">
        <v>721.1</v>
      </c>
      <c r="M16" s="52">
        <v>859.3</v>
      </c>
      <c r="N16" s="52">
        <v>47.4</v>
      </c>
      <c r="O16" s="52">
        <v>728.6</v>
      </c>
      <c r="P16" s="52">
        <v>900.2</v>
      </c>
      <c r="Q16" s="52">
        <v>47.7</v>
      </c>
      <c r="R16" s="52" t="s">
        <v>20</v>
      </c>
      <c r="S16" s="52" t="s">
        <v>20</v>
      </c>
      <c r="T16" s="52" t="s">
        <v>20</v>
      </c>
      <c r="U16" s="52" t="s">
        <v>20</v>
      </c>
      <c r="V16" s="52" t="s">
        <v>20</v>
      </c>
      <c r="W16" s="52" t="s">
        <v>20</v>
      </c>
      <c r="X16" s="52" t="s">
        <v>20</v>
      </c>
      <c r="Y16" s="52" t="s">
        <v>20</v>
      </c>
      <c r="Z16" s="52" t="s">
        <v>20</v>
      </c>
      <c r="AA16" s="52" t="s">
        <v>20</v>
      </c>
      <c r="AB16" s="52" t="s">
        <v>20</v>
      </c>
      <c r="AC16" s="52" t="s">
        <v>20</v>
      </c>
      <c r="AD16" s="52" t="s">
        <v>20</v>
      </c>
      <c r="AE16" s="52" t="s">
        <v>20</v>
      </c>
      <c r="AF16" s="52" t="s">
        <v>20</v>
      </c>
      <c r="AG16" s="52" t="s">
        <v>20</v>
      </c>
      <c r="AH16" s="52" t="s">
        <v>20</v>
      </c>
      <c r="AI16" s="53" t="s">
        <v>20</v>
      </c>
      <c r="AJ16" s="54">
        <v>10331.099999999999</v>
      </c>
      <c r="AK16" s="55" t="s">
        <v>20</v>
      </c>
      <c r="AL16" s="54">
        <v>10331.099999999999</v>
      </c>
      <c r="AM16" s="49">
        <v>2</v>
      </c>
      <c r="AN16" s="56">
        <v>7</v>
      </c>
      <c r="AO16" s="57">
        <v>2906.8</v>
      </c>
      <c r="AP16" s="49">
        <v>2</v>
      </c>
      <c r="AQ16" s="58">
        <v>7</v>
      </c>
      <c r="AR16" s="54">
        <v>3424.3</v>
      </c>
      <c r="AS16" s="49">
        <v>4</v>
      </c>
      <c r="AT16" s="58">
        <v>9</v>
      </c>
    </row>
    <row r="17" spans="1:46" s="48" customFormat="1" ht="20" customHeight="1" x14ac:dyDescent="0.2">
      <c r="A17" s="38">
        <v>22</v>
      </c>
      <c r="B17" s="39" t="s">
        <v>60</v>
      </c>
      <c r="C17" s="40" t="s">
        <v>61</v>
      </c>
      <c r="D17" s="39" t="s">
        <v>62</v>
      </c>
      <c r="E17" s="38" t="s">
        <v>59</v>
      </c>
      <c r="F17" s="41">
        <v>244.4</v>
      </c>
      <c r="G17" s="41">
        <v>614.6</v>
      </c>
      <c r="H17" s="41">
        <v>555</v>
      </c>
      <c r="I17" s="41">
        <v>239.9</v>
      </c>
      <c r="J17" s="41">
        <v>611.5</v>
      </c>
      <c r="K17" s="41">
        <v>551.1</v>
      </c>
      <c r="L17" s="41">
        <v>718.5</v>
      </c>
      <c r="M17" s="41">
        <v>856.1</v>
      </c>
      <c r="N17" s="41">
        <v>48.9</v>
      </c>
      <c r="O17" s="41">
        <v>723.7</v>
      </c>
      <c r="P17" s="41">
        <v>853.8</v>
      </c>
      <c r="Q17" s="41">
        <v>49</v>
      </c>
      <c r="R17" s="41" t="s">
        <v>20</v>
      </c>
      <c r="S17" s="41" t="s">
        <v>20</v>
      </c>
      <c r="T17" s="41" t="s">
        <v>20</v>
      </c>
      <c r="U17" s="41" t="s">
        <v>20</v>
      </c>
      <c r="V17" s="41" t="s">
        <v>20</v>
      </c>
      <c r="W17" s="41" t="s">
        <v>20</v>
      </c>
      <c r="X17" s="41" t="s">
        <v>20</v>
      </c>
      <c r="Y17" s="41" t="s">
        <v>20</v>
      </c>
      <c r="Z17" s="41" t="s">
        <v>20</v>
      </c>
      <c r="AA17" s="41" t="s">
        <v>20</v>
      </c>
      <c r="AB17" s="41" t="s">
        <v>20</v>
      </c>
      <c r="AC17" s="41" t="s">
        <v>20</v>
      </c>
      <c r="AD17" s="41" t="s">
        <v>20</v>
      </c>
      <c r="AE17" s="41" t="s">
        <v>20</v>
      </c>
      <c r="AF17" s="41" t="s">
        <v>20</v>
      </c>
      <c r="AG17" s="41" t="s">
        <v>20</v>
      </c>
      <c r="AH17" s="41" t="s">
        <v>20</v>
      </c>
      <c r="AI17" s="42" t="s">
        <v>20</v>
      </c>
      <c r="AJ17" s="43">
        <v>10346.5</v>
      </c>
      <c r="AK17" s="44" t="s">
        <v>20</v>
      </c>
      <c r="AL17" s="43">
        <v>10346.5</v>
      </c>
      <c r="AM17" s="38">
        <v>3</v>
      </c>
      <c r="AN17" s="45">
        <v>8</v>
      </c>
      <c r="AO17" s="46">
        <v>2936.5</v>
      </c>
      <c r="AP17" s="38">
        <v>5</v>
      </c>
      <c r="AQ17" s="47">
        <v>10</v>
      </c>
      <c r="AR17" s="43">
        <v>3410</v>
      </c>
      <c r="AS17" s="38">
        <v>3</v>
      </c>
      <c r="AT17" s="47">
        <v>8</v>
      </c>
    </row>
    <row r="18" spans="1:46" ht="20" customHeight="1" x14ac:dyDescent="0.2">
      <c r="A18" s="49">
        <v>21</v>
      </c>
      <c r="B18" s="50" t="s">
        <v>63</v>
      </c>
      <c r="C18" s="51" t="s">
        <v>64</v>
      </c>
      <c r="D18" s="50" t="s">
        <v>65</v>
      </c>
      <c r="E18" s="49" t="s">
        <v>59</v>
      </c>
      <c r="F18" s="52">
        <v>236.9</v>
      </c>
      <c r="G18" s="52">
        <v>615.20000000000005</v>
      </c>
      <c r="H18" s="52">
        <v>553.9</v>
      </c>
      <c r="I18" s="52">
        <v>237.6</v>
      </c>
      <c r="J18" s="52">
        <v>614.9</v>
      </c>
      <c r="K18" s="52">
        <v>555.4</v>
      </c>
      <c r="L18" s="52">
        <v>725.8</v>
      </c>
      <c r="M18" s="52">
        <v>901.5</v>
      </c>
      <c r="N18" s="52">
        <v>49.4</v>
      </c>
      <c r="O18" s="52">
        <v>721.8</v>
      </c>
      <c r="P18" s="52">
        <v>853.3</v>
      </c>
      <c r="Q18" s="52">
        <v>53.8</v>
      </c>
      <c r="R18" s="52" t="s">
        <v>20</v>
      </c>
      <c r="S18" s="52" t="s">
        <v>20</v>
      </c>
      <c r="T18" s="52" t="s">
        <v>20</v>
      </c>
      <c r="U18" s="52" t="s">
        <v>20</v>
      </c>
      <c r="V18" s="52" t="s">
        <v>20</v>
      </c>
      <c r="W18" s="52" t="s">
        <v>20</v>
      </c>
      <c r="X18" s="52" t="s">
        <v>20</v>
      </c>
      <c r="Y18" s="52" t="s">
        <v>20</v>
      </c>
      <c r="Z18" s="52" t="s">
        <v>20</v>
      </c>
      <c r="AA18" s="52" t="s">
        <v>20</v>
      </c>
      <c r="AB18" s="52" t="s">
        <v>20</v>
      </c>
      <c r="AC18" s="52" t="s">
        <v>20</v>
      </c>
      <c r="AD18" s="52" t="s">
        <v>20</v>
      </c>
      <c r="AE18" s="52" t="s">
        <v>20</v>
      </c>
      <c r="AF18" s="52" t="s">
        <v>20</v>
      </c>
      <c r="AG18" s="52" t="s">
        <v>20</v>
      </c>
      <c r="AH18" s="52" t="s">
        <v>20</v>
      </c>
      <c r="AI18" s="53" t="s">
        <v>20</v>
      </c>
      <c r="AJ18" s="54">
        <v>10359.5</v>
      </c>
      <c r="AK18" s="55" t="s">
        <v>20</v>
      </c>
      <c r="AL18" s="54">
        <v>10359.5</v>
      </c>
      <c r="AM18" s="49">
        <v>4</v>
      </c>
      <c r="AN18" s="56">
        <v>9</v>
      </c>
      <c r="AO18" s="57">
        <v>2933.9</v>
      </c>
      <c r="AP18" s="49">
        <v>4</v>
      </c>
      <c r="AQ18" s="58">
        <v>9</v>
      </c>
      <c r="AR18" s="54">
        <v>3425.6</v>
      </c>
      <c r="AS18" s="49">
        <v>5</v>
      </c>
      <c r="AT18" s="58">
        <v>10</v>
      </c>
    </row>
    <row r="19" spans="1:46" s="48" customFormat="1" ht="20" customHeight="1" x14ac:dyDescent="0.2">
      <c r="A19" s="38">
        <v>15</v>
      </c>
      <c r="B19" s="39" t="s">
        <v>66</v>
      </c>
      <c r="C19" s="40" t="s">
        <v>67</v>
      </c>
      <c r="D19" s="39" t="s">
        <v>68</v>
      </c>
      <c r="E19" s="38" t="s">
        <v>55</v>
      </c>
      <c r="F19" s="41">
        <v>237.9</v>
      </c>
      <c r="G19" s="41">
        <v>619.9</v>
      </c>
      <c r="H19" s="41">
        <v>604</v>
      </c>
      <c r="I19" s="41">
        <v>236.5</v>
      </c>
      <c r="J19" s="41">
        <v>602.5</v>
      </c>
      <c r="K19" s="41">
        <v>546.20000000000005</v>
      </c>
      <c r="L19" s="41">
        <v>725.8</v>
      </c>
      <c r="M19" s="41">
        <v>845.4</v>
      </c>
      <c r="N19" s="41">
        <v>47.2</v>
      </c>
      <c r="O19" s="41">
        <v>717.4</v>
      </c>
      <c r="P19" s="41">
        <v>837.8</v>
      </c>
      <c r="Q19" s="41">
        <v>47.8</v>
      </c>
      <c r="R19" s="41" t="s">
        <v>20</v>
      </c>
      <c r="S19" s="41" t="s">
        <v>20</v>
      </c>
      <c r="T19" s="41" t="s">
        <v>20</v>
      </c>
      <c r="U19" s="41" t="s">
        <v>20</v>
      </c>
      <c r="V19" s="41" t="s">
        <v>20</v>
      </c>
      <c r="W19" s="41" t="s">
        <v>20</v>
      </c>
      <c r="X19" s="41" t="s">
        <v>20</v>
      </c>
      <c r="Y19" s="41" t="s">
        <v>20</v>
      </c>
      <c r="Z19" s="41" t="s">
        <v>20</v>
      </c>
      <c r="AA19" s="41" t="s">
        <v>20</v>
      </c>
      <c r="AB19" s="41" t="s">
        <v>20</v>
      </c>
      <c r="AC19" s="41" t="s">
        <v>20</v>
      </c>
      <c r="AD19" s="41" t="s">
        <v>20</v>
      </c>
      <c r="AE19" s="41" t="s">
        <v>20</v>
      </c>
      <c r="AF19" s="41" t="s">
        <v>20</v>
      </c>
      <c r="AG19" s="41" t="s">
        <v>20</v>
      </c>
      <c r="AH19" s="41" t="s">
        <v>20</v>
      </c>
      <c r="AI19" s="42" t="s">
        <v>20</v>
      </c>
      <c r="AJ19" s="43">
        <v>10308.400000000001</v>
      </c>
      <c r="AK19" s="44">
        <v>110</v>
      </c>
      <c r="AL19" s="43">
        <v>10418.400000000001</v>
      </c>
      <c r="AM19" s="38">
        <v>5</v>
      </c>
      <c r="AN19" s="45">
        <v>10</v>
      </c>
      <c r="AO19" s="46">
        <v>3037</v>
      </c>
      <c r="AP19" s="38">
        <v>13</v>
      </c>
      <c r="AQ19" s="47">
        <v>19</v>
      </c>
      <c r="AR19" s="43">
        <v>3341.3999999999996</v>
      </c>
      <c r="AS19" s="38">
        <v>2</v>
      </c>
      <c r="AT19" s="47">
        <v>7</v>
      </c>
    </row>
    <row r="20" spans="1:46" ht="20" customHeight="1" x14ac:dyDescent="0.2">
      <c r="A20" s="49">
        <v>14</v>
      </c>
      <c r="B20" s="50" t="s">
        <v>69</v>
      </c>
      <c r="C20" s="51" t="s">
        <v>70</v>
      </c>
      <c r="D20" s="50" t="s">
        <v>71</v>
      </c>
      <c r="E20" s="49" t="s">
        <v>55</v>
      </c>
      <c r="F20" s="52">
        <v>241.7</v>
      </c>
      <c r="G20" s="52">
        <v>626.9</v>
      </c>
      <c r="H20" s="52">
        <v>552.20000000000005</v>
      </c>
      <c r="I20" s="52">
        <v>240.1</v>
      </c>
      <c r="J20" s="52">
        <v>623.1</v>
      </c>
      <c r="K20" s="52">
        <v>549.79999999999995</v>
      </c>
      <c r="L20" s="52">
        <v>725.8</v>
      </c>
      <c r="M20" s="52">
        <v>905.1</v>
      </c>
      <c r="N20" s="52">
        <v>56.9</v>
      </c>
      <c r="O20" s="52">
        <v>728.6</v>
      </c>
      <c r="P20" s="52">
        <v>900.8</v>
      </c>
      <c r="Q20" s="52">
        <v>49.4</v>
      </c>
      <c r="R20" s="52" t="s">
        <v>20</v>
      </c>
      <c r="S20" s="52" t="s">
        <v>20</v>
      </c>
      <c r="T20" s="52" t="s">
        <v>20</v>
      </c>
      <c r="U20" s="52" t="s">
        <v>20</v>
      </c>
      <c r="V20" s="52" t="s">
        <v>20</v>
      </c>
      <c r="W20" s="52" t="s">
        <v>20</v>
      </c>
      <c r="X20" s="52" t="s">
        <v>20</v>
      </c>
      <c r="Y20" s="52" t="s">
        <v>20</v>
      </c>
      <c r="Z20" s="52" t="s">
        <v>20</v>
      </c>
      <c r="AA20" s="52" t="s">
        <v>20</v>
      </c>
      <c r="AB20" s="52" t="s">
        <v>20</v>
      </c>
      <c r="AC20" s="52" t="s">
        <v>20</v>
      </c>
      <c r="AD20" s="52" t="s">
        <v>20</v>
      </c>
      <c r="AE20" s="52" t="s">
        <v>20</v>
      </c>
      <c r="AF20" s="52" t="s">
        <v>20</v>
      </c>
      <c r="AG20" s="52" t="s">
        <v>20</v>
      </c>
      <c r="AH20" s="52" t="s">
        <v>20</v>
      </c>
      <c r="AI20" s="53" t="s">
        <v>20</v>
      </c>
      <c r="AJ20" s="54">
        <v>10440.4</v>
      </c>
      <c r="AK20" s="55" t="s">
        <v>20</v>
      </c>
      <c r="AL20" s="54">
        <v>10440.4</v>
      </c>
      <c r="AM20" s="49">
        <v>6</v>
      </c>
      <c r="AN20" s="56">
        <v>11</v>
      </c>
      <c r="AO20" s="57">
        <v>2953.8</v>
      </c>
      <c r="AP20" s="49">
        <v>9</v>
      </c>
      <c r="AQ20" s="58">
        <v>15</v>
      </c>
      <c r="AR20" s="54">
        <v>3446.6</v>
      </c>
      <c r="AS20" s="49">
        <v>6</v>
      </c>
      <c r="AT20" s="58">
        <v>11</v>
      </c>
    </row>
    <row r="21" spans="1:46" s="48" customFormat="1" ht="20" customHeight="1" x14ac:dyDescent="0.2">
      <c r="A21" s="38">
        <v>16</v>
      </c>
      <c r="B21" s="39" t="s">
        <v>72</v>
      </c>
      <c r="C21" s="40" t="s">
        <v>73</v>
      </c>
      <c r="D21" s="39" t="s">
        <v>74</v>
      </c>
      <c r="E21" s="38" t="s">
        <v>55</v>
      </c>
      <c r="F21" s="41">
        <v>241.1</v>
      </c>
      <c r="G21" s="41">
        <v>623.29999999999995</v>
      </c>
      <c r="H21" s="41">
        <v>556.70000000000005</v>
      </c>
      <c r="I21" s="41">
        <v>236.6</v>
      </c>
      <c r="J21" s="41">
        <v>613.79999999999995</v>
      </c>
      <c r="K21" s="41">
        <v>551</v>
      </c>
      <c r="L21" s="41">
        <v>725.8</v>
      </c>
      <c r="M21" s="41">
        <v>919.9</v>
      </c>
      <c r="N21" s="41">
        <v>48.8</v>
      </c>
      <c r="O21" s="41">
        <v>732.5</v>
      </c>
      <c r="P21" s="41">
        <v>903</v>
      </c>
      <c r="Q21" s="41">
        <v>49.1</v>
      </c>
      <c r="R21" s="41" t="s">
        <v>20</v>
      </c>
      <c r="S21" s="41" t="s">
        <v>20</v>
      </c>
      <c r="T21" s="41" t="s">
        <v>20</v>
      </c>
      <c r="U21" s="41" t="s">
        <v>20</v>
      </c>
      <c r="V21" s="41" t="s">
        <v>20</v>
      </c>
      <c r="W21" s="41" t="s">
        <v>20</v>
      </c>
      <c r="X21" s="41" t="s">
        <v>20</v>
      </c>
      <c r="Y21" s="41" t="s">
        <v>20</v>
      </c>
      <c r="Z21" s="41" t="s">
        <v>20</v>
      </c>
      <c r="AA21" s="41" t="s">
        <v>20</v>
      </c>
      <c r="AB21" s="41" t="s">
        <v>20</v>
      </c>
      <c r="AC21" s="41" t="s">
        <v>20</v>
      </c>
      <c r="AD21" s="41" t="s">
        <v>20</v>
      </c>
      <c r="AE21" s="41" t="s">
        <v>20</v>
      </c>
      <c r="AF21" s="41" t="s">
        <v>20</v>
      </c>
      <c r="AG21" s="41" t="s">
        <v>20</v>
      </c>
      <c r="AH21" s="41" t="s">
        <v>20</v>
      </c>
      <c r="AI21" s="42" t="s">
        <v>20</v>
      </c>
      <c r="AJ21" s="43">
        <v>10441.6</v>
      </c>
      <c r="AK21" s="44" t="s">
        <v>20</v>
      </c>
      <c r="AL21" s="43">
        <v>10441.6</v>
      </c>
      <c r="AM21" s="38">
        <v>7</v>
      </c>
      <c r="AN21" s="45">
        <v>12</v>
      </c>
      <c r="AO21" s="46">
        <v>2942.5</v>
      </c>
      <c r="AP21" s="38">
        <v>8</v>
      </c>
      <c r="AQ21" s="47">
        <v>13</v>
      </c>
      <c r="AR21" s="43">
        <v>3459.1</v>
      </c>
      <c r="AS21" s="38">
        <v>9</v>
      </c>
      <c r="AT21" s="47">
        <v>17</v>
      </c>
    </row>
    <row r="22" spans="1:46" ht="20" customHeight="1" x14ac:dyDescent="0.2">
      <c r="A22" s="49">
        <v>13</v>
      </c>
      <c r="B22" s="50" t="s">
        <v>75</v>
      </c>
      <c r="C22" s="51" t="s">
        <v>76</v>
      </c>
      <c r="D22" s="50" t="s">
        <v>77</v>
      </c>
      <c r="E22" s="49" t="s">
        <v>55</v>
      </c>
      <c r="F22" s="52">
        <v>245.9</v>
      </c>
      <c r="G22" s="52">
        <v>618.79999999999995</v>
      </c>
      <c r="H22" s="52">
        <v>559.4</v>
      </c>
      <c r="I22" s="52">
        <v>241.7</v>
      </c>
      <c r="J22" s="52">
        <v>621.79999999999995</v>
      </c>
      <c r="K22" s="52">
        <v>558.6</v>
      </c>
      <c r="L22" s="52">
        <v>725.8</v>
      </c>
      <c r="M22" s="52">
        <v>915.2</v>
      </c>
      <c r="N22" s="52">
        <v>49.6</v>
      </c>
      <c r="O22" s="52">
        <v>733.3</v>
      </c>
      <c r="P22" s="52">
        <v>902.1</v>
      </c>
      <c r="Q22" s="52">
        <v>49.6</v>
      </c>
      <c r="R22" s="52" t="s">
        <v>20</v>
      </c>
      <c r="S22" s="52" t="s">
        <v>20</v>
      </c>
      <c r="T22" s="52" t="s">
        <v>20</v>
      </c>
      <c r="U22" s="52" t="s">
        <v>20</v>
      </c>
      <c r="V22" s="52" t="s">
        <v>20</v>
      </c>
      <c r="W22" s="52" t="s">
        <v>20</v>
      </c>
      <c r="X22" s="52" t="s">
        <v>20</v>
      </c>
      <c r="Y22" s="52" t="s">
        <v>20</v>
      </c>
      <c r="Z22" s="52" t="s">
        <v>20</v>
      </c>
      <c r="AA22" s="52" t="s">
        <v>20</v>
      </c>
      <c r="AB22" s="52" t="s">
        <v>20</v>
      </c>
      <c r="AC22" s="52" t="s">
        <v>20</v>
      </c>
      <c r="AD22" s="52" t="s">
        <v>20</v>
      </c>
      <c r="AE22" s="52" t="s">
        <v>20</v>
      </c>
      <c r="AF22" s="52" t="s">
        <v>20</v>
      </c>
      <c r="AG22" s="52" t="s">
        <v>20</v>
      </c>
      <c r="AH22" s="52" t="s">
        <v>20</v>
      </c>
      <c r="AI22" s="53" t="s">
        <v>20</v>
      </c>
      <c r="AJ22" s="54">
        <v>10501.8</v>
      </c>
      <c r="AK22" s="55" t="s">
        <v>20</v>
      </c>
      <c r="AL22" s="54">
        <v>10501.8</v>
      </c>
      <c r="AM22" s="49">
        <v>8</v>
      </c>
      <c r="AN22" s="56">
        <v>13</v>
      </c>
      <c r="AO22" s="57">
        <v>3006.2</v>
      </c>
      <c r="AP22" s="49">
        <v>10</v>
      </c>
      <c r="AQ22" s="58">
        <v>16</v>
      </c>
      <c r="AR22" s="54">
        <v>3455.6</v>
      </c>
      <c r="AS22" s="49">
        <v>8</v>
      </c>
      <c r="AT22" s="58">
        <v>16</v>
      </c>
    </row>
    <row r="23" spans="1:46" s="48" customFormat="1" ht="20" customHeight="1" x14ac:dyDescent="0.2">
      <c r="A23" s="38">
        <v>18</v>
      </c>
      <c r="B23" s="39" t="s">
        <v>78</v>
      </c>
      <c r="C23" s="40" t="s">
        <v>79</v>
      </c>
      <c r="D23" s="39" t="s">
        <v>80</v>
      </c>
      <c r="E23" s="38" t="s">
        <v>55</v>
      </c>
      <c r="F23" s="41">
        <v>246.3</v>
      </c>
      <c r="G23" s="41">
        <v>630.6</v>
      </c>
      <c r="H23" s="41">
        <v>603</v>
      </c>
      <c r="I23" s="41">
        <v>243.3</v>
      </c>
      <c r="J23" s="41">
        <v>620.9</v>
      </c>
      <c r="K23" s="41">
        <v>555.4</v>
      </c>
      <c r="L23" s="41">
        <v>725.8</v>
      </c>
      <c r="M23" s="41">
        <v>907.8</v>
      </c>
      <c r="N23" s="41">
        <v>49.4</v>
      </c>
      <c r="O23" s="41">
        <v>734</v>
      </c>
      <c r="P23" s="41">
        <v>903.3</v>
      </c>
      <c r="Q23" s="41">
        <v>48.6</v>
      </c>
      <c r="R23" s="41" t="s">
        <v>20</v>
      </c>
      <c r="S23" s="41" t="s">
        <v>20</v>
      </c>
      <c r="T23" s="41" t="s">
        <v>20</v>
      </c>
      <c r="U23" s="41" t="s">
        <v>20</v>
      </c>
      <c r="V23" s="41" t="s">
        <v>20</v>
      </c>
      <c r="W23" s="41" t="s">
        <v>20</v>
      </c>
      <c r="X23" s="41" t="s">
        <v>20</v>
      </c>
      <c r="Y23" s="41" t="s">
        <v>20</v>
      </c>
      <c r="Z23" s="41" t="s">
        <v>20</v>
      </c>
      <c r="AA23" s="41" t="s">
        <v>20</v>
      </c>
      <c r="AB23" s="41" t="s">
        <v>20</v>
      </c>
      <c r="AC23" s="41" t="s">
        <v>20</v>
      </c>
      <c r="AD23" s="41" t="s">
        <v>20</v>
      </c>
      <c r="AE23" s="41" t="s">
        <v>20</v>
      </c>
      <c r="AF23" s="41" t="s">
        <v>20</v>
      </c>
      <c r="AG23" s="41" t="s">
        <v>20</v>
      </c>
      <c r="AH23" s="41" t="s">
        <v>20</v>
      </c>
      <c r="AI23" s="42" t="s">
        <v>20</v>
      </c>
      <c r="AJ23" s="43">
        <v>10508.4</v>
      </c>
      <c r="AK23" s="44" t="s">
        <v>20</v>
      </c>
      <c r="AL23" s="43">
        <v>10508.4</v>
      </c>
      <c r="AM23" s="38">
        <v>9</v>
      </c>
      <c r="AN23" s="45">
        <v>14</v>
      </c>
      <c r="AO23" s="46">
        <v>3019.5</v>
      </c>
      <c r="AP23" s="38">
        <v>12</v>
      </c>
      <c r="AQ23" s="47">
        <v>18</v>
      </c>
      <c r="AR23" s="43">
        <v>3448.9</v>
      </c>
      <c r="AS23" s="38">
        <v>7</v>
      </c>
      <c r="AT23" s="47">
        <v>14</v>
      </c>
    </row>
    <row r="24" spans="1:46" ht="20" customHeight="1" x14ac:dyDescent="0.2">
      <c r="A24" s="49">
        <v>26</v>
      </c>
      <c r="B24" s="50" t="s">
        <v>81</v>
      </c>
      <c r="C24" s="51" t="s">
        <v>82</v>
      </c>
      <c r="D24" s="50" t="s">
        <v>83</v>
      </c>
      <c r="E24" s="49" t="s">
        <v>59</v>
      </c>
      <c r="F24" s="52">
        <v>244.8</v>
      </c>
      <c r="G24" s="52">
        <v>630.4</v>
      </c>
      <c r="H24" s="52">
        <v>558.5</v>
      </c>
      <c r="I24" s="52">
        <v>243.7</v>
      </c>
      <c r="J24" s="52">
        <v>618.6</v>
      </c>
      <c r="K24" s="52">
        <v>557.29999999999995</v>
      </c>
      <c r="L24" s="52">
        <v>725.8</v>
      </c>
      <c r="M24" s="52">
        <v>913.4</v>
      </c>
      <c r="N24" s="52">
        <v>49.9</v>
      </c>
      <c r="O24" s="52">
        <v>735.9</v>
      </c>
      <c r="P24" s="52">
        <v>913.9</v>
      </c>
      <c r="Q24" s="52">
        <v>50</v>
      </c>
      <c r="R24" s="52" t="s">
        <v>20</v>
      </c>
      <c r="S24" s="52" t="s">
        <v>20</v>
      </c>
      <c r="T24" s="52" t="s">
        <v>20</v>
      </c>
      <c r="U24" s="52" t="s">
        <v>20</v>
      </c>
      <c r="V24" s="52" t="s">
        <v>20</v>
      </c>
      <c r="W24" s="52" t="s">
        <v>20</v>
      </c>
      <c r="X24" s="52" t="s">
        <v>20</v>
      </c>
      <c r="Y24" s="52" t="s">
        <v>20</v>
      </c>
      <c r="Z24" s="52" t="s">
        <v>20</v>
      </c>
      <c r="AA24" s="52" t="s">
        <v>20</v>
      </c>
      <c r="AB24" s="52" t="s">
        <v>20</v>
      </c>
      <c r="AC24" s="52" t="s">
        <v>20</v>
      </c>
      <c r="AD24" s="52" t="s">
        <v>20</v>
      </c>
      <c r="AE24" s="52" t="s">
        <v>20</v>
      </c>
      <c r="AF24" s="52" t="s">
        <v>20</v>
      </c>
      <c r="AG24" s="52" t="s">
        <v>20</v>
      </c>
      <c r="AH24" s="52" t="s">
        <v>20</v>
      </c>
      <c r="AI24" s="53" t="s">
        <v>20</v>
      </c>
      <c r="AJ24" s="54">
        <v>10522.2</v>
      </c>
      <c r="AK24" s="55" t="s">
        <v>20</v>
      </c>
      <c r="AL24" s="54">
        <v>10522.2</v>
      </c>
      <c r="AM24" s="49">
        <v>10</v>
      </c>
      <c r="AN24" s="56">
        <v>15</v>
      </c>
      <c r="AO24" s="57">
        <v>3013.3</v>
      </c>
      <c r="AP24" s="49">
        <v>11</v>
      </c>
      <c r="AQ24" s="58">
        <v>17</v>
      </c>
      <c r="AR24" s="54">
        <v>3508.9</v>
      </c>
      <c r="AS24" s="49">
        <v>11</v>
      </c>
      <c r="AT24" s="58">
        <v>20</v>
      </c>
    </row>
    <row r="25" spans="1:46" s="48" customFormat="1" ht="20" customHeight="1" x14ac:dyDescent="0.2">
      <c r="A25" s="38">
        <v>23</v>
      </c>
      <c r="B25" s="39" t="s">
        <v>84</v>
      </c>
      <c r="C25" s="40" t="s">
        <v>85</v>
      </c>
      <c r="D25" s="39" t="s">
        <v>86</v>
      </c>
      <c r="E25" s="38" t="s">
        <v>59</v>
      </c>
      <c r="F25" s="41">
        <v>247.7</v>
      </c>
      <c r="G25" s="41">
        <v>637</v>
      </c>
      <c r="H25" s="41">
        <v>559.4</v>
      </c>
      <c r="I25" s="41">
        <v>243.4</v>
      </c>
      <c r="J25" s="41">
        <v>629.29999999999995</v>
      </c>
      <c r="K25" s="41">
        <v>605.6</v>
      </c>
      <c r="L25" s="41">
        <v>725.8</v>
      </c>
      <c r="M25" s="41">
        <v>905.3</v>
      </c>
      <c r="N25" s="41">
        <v>50.2</v>
      </c>
      <c r="O25" s="41">
        <v>749.3</v>
      </c>
      <c r="P25" s="41">
        <v>905.2</v>
      </c>
      <c r="Q25" s="41">
        <v>51.3</v>
      </c>
      <c r="R25" s="41" t="s">
        <v>20</v>
      </c>
      <c r="S25" s="41" t="s">
        <v>20</v>
      </c>
      <c r="T25" s="41" t="s">
        <v>20</v>
      </c>
      <c r="U25" s="41" t="s">
        <v>20</v>
      </c>
      <c r="V25" s="41" t="s">
        <v>20</v>
      </c>
      <c r="W25" s="41" t="s">
        <v>20</v>
      </c>
      <c r="X25" s="41" t="s">
        <v>20</v>
      </c>
      <c r="Y25" s="41" t="s">
        <v>20</v>
      </c>
      <c r="Z25" s="41" t="s">
        <v>20</v>
      </c>
      <c r="AA25" s="41" t="s">
        <v>20</v>
      </c>
      <c r="AB25" s="41" t="s">
        <v>20</v>
      </c>
      <c r="AC25" s="41" t="s">
        <v>20</v>
      </c>
      <c r="AD25" s="41" t="s">
        <v>20</v>
      </c>
      <c r="AE25" s="41" t="s">
        <v>20</v>
      </c>
      <c r="AF25" s="41" t="s">
        <v>20</v>
      </c>
      <c r="AG25" s="41" t="s">
        <v>20</v>
      </c>
      <c r="AH25" s="41" t="s">
        <v>20</v>
      </c>
      <c r="AI25" s="42" t="s">
        <v>20</v>
      </c>
      <c r="AJ25" s="43">
        <v>10549.5</v>
      </c>
      <c r="AK25" s="44" t="s">
        <v>20</v>
      </c>
      <c r="AL25" s="43">
        <v>10549.5</v>
      </c>
      <c r="AM25" s="38">
        <v>11</v>
      </c>
      <c r="AN25" s="45">
        <v>19</v>
      </c>
      <c r="AO25" s="46">
        <v>3042.4</v>
      </c>
      <c r="AP25" s="38">
        <v>14</v>
      </c>
      <c r="AQ25" s="47">
        <v>20</v>
      </c>
      <c r="AR25" s="43">
        <v>3507.1000000000004</v>
      </c>
      <c r="AS25" s="38">
        <v>10</v>
      </c>
      <c r="AT25" s="47">
        <v>19</v>
      </c>
    </row>
    <row r="26" spans="1:46" ht="20" customHeight="1" x14ac:dyDescent="0.2">
      <c r="A26" s="49">
        <v>27</v>
      </c>
      <c r="B26" s="50" t="s">
        <v>87</v>
      </c>
      <c r="C26" s="51" t="s">
        <v>88</v>
      </c>
      <c r="D26" s="50" t="s">
        <v>89</v>
      </c>
      <c r="E26" s="49" t="s">
        <v>59</v>
      </c>
      <c r="F26" s="52">
        <v>248.4</v>
      </c>
      <c r="G26" s="52">
        <v>623.4</v>
      </c>
      <c r="H26" s="52">
        <v>621.4</v>
      </c>
      <c r="I26" s="52">
        <v>245.6</v>
      </c>
      <c r="J26" s="52">
        <v>620.9</v>
      </c>
      <c r="K26" s="52">
        <v>607.5</v>
      </c>
      <c r="L26" s="52">
        <v>725.8</v>
      </c>
      <c r="M26" s="52">
        <v>918.7</v>
      </c>
      <c r="N26" s="52">
        <v>49.8</v>
      </c>
      <c r="O26" s="52">
        <v>746.7</v>
      </c>
      <c r="P26" s="52">
        <v>906.1</v>
      </c>
      <c r="Q26" s="52">
        <v>50</v>
      </c>
      <c r="R26" s="52" t="s">
        <v>20</v>
      </c>
      <c r="S26" s="52" t="s">
        <v>20</v>
      </c>
      <c r="T26" s="52" t="s">
        <v>20</v>
      </c>
      <c r="U26" s="52" t="s">
        <v>20</v>
      </c>
      <c r="V26" s="52" t="s">
        <v>20</v>
      </c>
      <c r="W26" s="52" t="s">
        <v>20</v>
      </c>
      <c r="X26" s="52" t="s">
        <v>20</v>
      </c>
      <c r="Y26" s="52" t="s">
        <v>20</v>
      </c>
      <c r="Z26" s="52" t="s">
        <v>20</v>
      </c>
      <c r="AA26" s="52" t="s">
        <v>20</v>
      </c>
      <c r="AB26" s="52" t="s">
        <v>20</v>
      </c>
      <c r="AC26" s="52" t="s">
        <v>20</v>
      </c>
      <c r="AD26" s="52" t="s">
        <v>20</v>
      </c>
      <c r="AE26" s="52" t="s">
        <v>20</v>
      </c>
      <c r="AF26" s="52" t="s">
        <v>20</v>
      </c>
      <c r="AG26" s="52" t="s">
        <v>20</v>
      </c>
      <c r="AH26" s="52" t="s">
        <v>20</v>
      </c>
      <c r="AI26" s="53" t="s">
        <v>20</v>
      </c>
      <c r="AJ26" s="54">
        <v>10604.3</v>
      </c>
      <c r="AK26" s="55">
        <v>10</v>
      </c>
      <c r="AL26" s="54">
        <v>10614.3</v>
      </c>
      <c r="AM26" s="49">
        <v>12</v>
      </c>
      <c r="AN26" s="56">
        <v>21</v>
      </c>
      <c r="AO26" s="57">
        <v>3057.2</v>
      </c>
      <c r="AP26" s="49">
        <v>15</v>
      </c>
      <c r="AQ26" s="58">
        <v>24</v>
      </c>
      <c r="AR26" s="54">
        <v>3517.1</v>
      </c>
      <c r="AS26" s="49">
        <v>13</v>
      </c>
      <c r="AT26" s="58">
        <v>23</v>
      </c>
    </row>
    <row r="27" spans="1:46" s="48" customFormat="1" ht="20" customHeight="1" x14ac:dyDescent="0.2">
      <c r="A27" s="38">
        <v>28</v>
      </c>
      <c r="B27" s="39" t="s">
        <v>90</v>
      </c>
      <c r="C27" s="40" t="s">
        <v>91</v>
      </c>
      <c r="D27" s="39" t="s">
        <v>92</v>
      </c>
      <c r="E27" s="38" t="s">
        <v>59</v>
      </c>
      <c r="F27" s="41">
        <v>251.5</v>
      </c>
      <c r="G27" s="41">
        <v>649.70000000000005</v>
      </c>
      <c r="H27" s="41">
        <v>613.79999999999995</v>
      </c>
      <c r="I27" s="41">
        <v>248.7</v>
      </c>
      <c r="J27" s="41">
        <v>638.70000000000005</v>
      </c>
      <c r="K27" s="41">
        <v>607.70000000000005</v>
      </c>
      <c r="L27" s="41">
        <v>725.8</v>
      </c>
      <c r="M27" s="41">
        <v>922.1</v>
      </c>
      <c r="N27" s="41">
        <v>50.4</v>
      </c>
      <c r="O27" s="41">
        <v>737.3</v>
      </c>
      <c r="P27" s="41">
        <v>904</v>
      </c>
      <c r="Q27" s="41">
        <v>51.5</v>
      </c>
      <c r="R27" s="41" t="s">
        <v>20</v>
      </c>
      <c r="S27" s="41" t="s">
        <v>20</v>
      </c>
      <c r="T27" s="41" t="s">
        <v>20</v>
      </c>
      <c r="U27" s="41" t="s">
        <v>20</v>
      </c>
      <c r="V27" s="41" t="s">
        <v>20</v>
      </c>
      <c r="W27" s="41" t="s">
        <v>20</v>
      </c>
      <c r="X27" s="41" t="s">
        <v>20</v>
      </c>
      <c r="Y27" s="41" t="s">
        <v>20</v>
      </c>
      <c r="Z27" s="41" t="s">
        <v>20</v>
      </c>
      <c r="AA27" s="41" t="s">
        <v>20</v>
      </c>
      <c r="AB27" s="41" t="s">
        <v>20</v>
      </c>
      <c r="AC27" s="41" t="s">
        <v>20</v>
      </c>
      <c r="AD27" s="41" t="s">
        <v>20</v>
      </c>
      <c r="AE27" s="41" t="s">
        <v>20</v>
      </c>
      <c r="AF27" s="41" t="s">
        <v>20</v>
      </c>
      <c r="AG27" s="41" t="s">
        <v>20</v>
      </c>
      <c r="AH27" s="41" t="s">
        <v>20</v>
      </c>
      <c r="AI27" s="42" t="s">
        <v>20</v>
      </c>
      <c r="AJ27" s="43">
        <v>10641.2</v>
      </c>
      <c r="AK27" s="44" t="s">
        <v>20</v>
      </c>
      <c r="AL27" s="43">
        <v>10641.2</v>
      </c>
      <c r="AM27" s="38">
        <v>13</v>
      </c>
      <c r="AN27" s="45">
        <v>24</v>
      </c>
      <c r="AO27" s="46">
        <v>3130.1000000000004</v>
      </c>
      <c r="AP27" s="38">
        <v>16</v>
      </c>
      <c r="AQ27" s="47">
        <v>30</v>
      </c>
      <c r="AR27" s="43">
        <v>3511.1</v>
      </c>
      <c r="AS27" s="38">
        <v>12</v>
      </c>
      <c r="AT27" s="47">
        <v>21</v>
      </c>
    </row>
    <row r="28" spans="1:46" ht="20" customHeight="1" x14ac:dyDescent="0.2">
      <c r="A28" s="49">
        <v>29</v>
      </c>
      <c r="B28" s="50" t="s">
        <v>93</v>
      </c>
      <c r="C28" s="51" t="s">
        <v>94</v>
      </c>
      <c r="D28" s="50" t="s">
        <v>95</v>
      </c>
      <c r="E28" s="49" t="s">
        <v>59</v>
      </c>
      <c r="F28" s="52">
        <v>248.4</v>
      </c>
      <c r="G28" s="52">
        <v>643.79999999999995</v>
      </c>
      <c r="H28" s="52">
        <v>628.6</v>
      </c>
      <c r="I28" s="52">
        <v>251.2</v>
      </c>
      <c r="J28" s="52">
        <v>702.8</v>
      </c>
      <c r="K28" s="52">
        <v>617</v>
      </c>
      <c r="L28" s="52">
        <v>725.8</v>
      </c>
      <c r="M28" s="52">
        <v>932.8</v>
      </c>
      <c r="N28" s="52">
        <v>51.8</v>
      </c>
      <c r="O28" s="52">
        <v>801.8</v>
      </c>
      <c r="P28" s="52">
        <v>920.4</v>
      </c>
      <c r="Q28" s="52">
        <v>51.3</v>
      </c>
      <c r="R28" s="52" t="s">
        <v>20</v>
      </c>
      <c r="S28" s="52" t="s">
        <v>20</v>
      </c>
      <c r="T28" s="52" t="s">
        <v>20</v>
      </c>
      <c r="U28" s="52" t="s">
        <v>20</v>
      </c>
      <c r="V28" s="52" t="s">
        <v>20</v>
      </c>
      <c r="W28" s="52" t="s">
        <v>20</v>
      </c>
      <c r="X28" s="52" t="s">
        <v>20</v>
      </c>
      <c r="Y28" s="52" t="s">
        <v>20</v>
      </c>
      <c r="Z28" s="52" t="s">
        <v>20</v>
      </c>
      <c r="AA28" s="52" t="s">
        <v>20</v>
      </c>
      <c r="AB28" s="52" t="s">
        <v>20</v>
      </c>
      <c r="AC28" s="52" t="s">
        <v>20</v>
      </c>
      <c r="AD28" s="52" t="s">
        <v>20</v>
      </c>
      <c r="AE28" s="52" t="s">
        <v>20</v>
      </c>
      <c r="AF28" s="52" t="s">
        <v>20</v>
      </c>
      <c r="AG28" s="52" t="s">
        <v>20</v>
      </c>
      <c r="AH28" s="52" t="s">
        <v>20</v>
      </c>
      <c r="AI28" s="53" t="s">
        <v>20</v>
      </c>
      <c r="AJ28" s="54">
        <v>10815.7</v>
      </c>
      <c r="AK28" s="55" t="s">
        <v>20</v>
      </c>
      <c r="AL28" s="54">
        <v>10815.7</v>
      </c>
      <c r="AM28" s="49">
        <v>14</v>
      </c>
      <c r="AN28" s="56">
        <v>28</v>
      </c>
      <c r="AO28" s="57">
        <v>3211.8</v>
      </c>
      <c r="AP28" s="49">
        <v>17</v>
      </c>
      <c r="AQ28" s="58">
        <v>33</v>
      </c>
      <c r="AR28" s="54">
        <v>3603.9</v>
      </c>
      <c r="AS28" s="49">
        <v>14</v>
      </c>
      <c r="AT28" s="58">
        <v>32</v>
      </c>
    </row>
    <row r="29" spans="1:46" s="48" customFormat="1" ht="20" customHeight="1" x14ac:dyDescent="0.2">
      <c r="A29" s="38">
        <v>30</v>
      </c>
      <c r="B29" s="39" t="s">
        <v>96</v>
      </c>
      <c r="C29" s="40" t="s">
        <v>97</v>
      </c>
      <c r="D29" s="39" t="s">
        <v>98</v>
      </c>
      <c r="E29" s="38" t="s">
        <v>59</v>
      </c>
      <c r="F29" s="41">
        <v>254.7</v>
      </c>
      <c r="G29" s="41">
        <v>649.79999999999995</v>
      </c>
      <c r="H29" s="41">
        <v>628.29999999999995</v>
      </c>
      <c r="I29" s="41">
        <v>256.7</v>
      </c>
      <c r="J29" s="41">
        <v>654.79999999999995</v>
      </c>
      <c r="K29" s="41">
        <v>617.70000000000005</v>
      </c>
      <c r="L29" s="41">
        <v>725.8</v>
      </c>
      <c r="M29" s="41">
        <v>947.7</v>
      </c>
      <c r="N29" s="41">
        <v>50.7</v>
      </c>
      <c r="O29" s="41">
        <v>751.3</v>
      </c>
      <c r="P29" s="41">
        <v>918.1</v>
      </c>
      <c r="Q29" s="41">
        <v>51.3</v>
      </c>
      <c r="R29" s="41" t="s">
        <v>20</v>
      </c>
      <c r="S29" s="41" t="s">
        <v>20</v>
      </c>
      <c r="T29" s="41" t="s">
        <v>20</v>
      </c>
      <c r="U29" s="41" t="s">
        <v>20</v>
      </c>
      <c r="V29" s="41" t="s">
        <v>20</v>
      </c>
      <c r="W29" s="41" t="s">
        <v>20</v>
      </c>
      <c r="X29" s="41" t="s">
        <v>20</v>
      </c>
      <c r="Y29" s="41" t="s">
        <v>20</v>
      </c>
      <c r="Z29" s="41" t="s">
        <v>20</v>
      </c>
      <c r="AA29" s="41" t="s">
        <v>20</v>
      </c>
      <c r="AB29" s="41" t="s">
        <v>20</v>
      </c>
      <c r="AC29" s="41" t="s">
        <v>20</v>
      </c>
      <c r="AD29" s="41" t="s">
        <v>20</v>
      </c>
      <c r="AE29" s="41" t="s">
        <v>20</v>
      </c>
      <c r="AF29" s="41" t="s">
        <v>20</v>
      </c>
      <c r="AG29" s="41" t="s">
        <v>20</v>
      </c>
      <c r="AH29" s="41" t="s">
        <v>20</v>
      </c>
      <c r="AI29" s="42" t="s">
        <v>20</v>
      </c>
      <c r="AJ29" s="43">
        <v>10826.9</v>
      </c>
      <c r="AK29" s="44" t="s">
        <v>20</v>
      </c>
      <c r="AL29" s="43">
        <v>10826.9</v>
      </c>
      <c r="AM29" s="38">
        <v>15</v>
      </c>
      <c r="AN29" s="45">
        <v>30</v>
      </c>
      <c r="AO29" s="46">
        <v>3222</v>
      </c>
      <c r="AP29" s="38">
        <v>18</v>
      </c>
      <c r="AQ29" s="47">
        <v>34</v>
      </c>
      <c r="AR29" s="43">
        <v>3604.9</v>
      </c>
      <c r="AS29" s="38">
        <v>15</v>
      </c>
      <c r="AT29" s="47">
        <v>33</v>
      </c>
    </row>
    <row r="30" spans="1:46" ht="20" customHeight="1" x14ac:dyDescent="0.2">
      <c r="A30" s="49">
        <v>31</v>
      </c>
      <c r="B30" s="50" t="s">
        <v>99</v>
      </c>
      <c r="C30" s="51" t="s">
        <v>100</v>
      </c>
      <c r="D30" s="50" t="s">
        <v>101</v>
      </c>
      <c r="E30" s="49" t="s">
        <v>59</v>
      </c>
      <c r="F30" s="52">
        <v>256.39999999999998</v>
      </c>
      <c r="G30" s="52">
        <v>728</v>
      </c>
      <c r="H30" s="52">
        <v>624.9</v>
      </c>
      <c r="I30" s="52">
        <v>256.89999999999998</v>
      </c>
      <c r="J30" s="52">
        <v>724.1</v>
      </c>
      <c r="K30" s="52">
        <v>623.29999999999995</v>
      </c>
      <c r="L30" s="52">
        <v>725.8</v>
      </c>
      <c r="M30" s="52">
        <v>1008.6</v>
      </c>
      <c r="N30" s="52">
        <v>51.2</v>
      </c>
      <c r="O30" s="52">
        <v>809.9</v>
      </c>
      <c r="P30" s="52">
        <v>951.3</v>
      </c>
      <c r="Q30" s="52">
        <v>51.7</v>
      </c>
      <c r="R30" s="52" t="s">
        <v>20</v>
      </c>
      <c r="S30" s="52" t="s">
        <v>20</v>
      </c>
      <c r="T30" s="52" t="s">
        <v>20</v>
      </c>
      <c r="U30" s="52" t="s">
        <v>20</v>
      </c>
      <c r="V30" s="52" t="s">
        <v>20</v>
      </c>
      <c r="W30" s="52" t="s">
        <v>20</v>
      </c>
      <c r="X30" s="52" t="s">
        <v>20</v>
      </c>
      <c r="Y30" s="52" t="s">
        <v>20</v>
      </c>
      <c r="Z30" s="52" t="s">
        <v>20</v>
      </c>
      <c r="AA30" s="52" t="s">
        <v>20</v>
      </c>
      <c r="AB30" s="52" t="s">
        <v>20</v>
      </c>
      <c r="AC30" s="52" t="s">
        <v>20</v>
      </c>
      <c r="AD30" s="52" t="s">
        <v>20</v>
      </c>
      <c r="AE30" s="52" t="s">
        <v>20</v>
      </c>
      <c r="AF30" s="52" t="s">
        <v>20</v>
      </c>
      <c r="AG30" s="52" t="s">
        <v>20</v>
      </c>
      <c r="AH30" s="52" t="s">
        <v>20</v>
      </c>
      <c r="AI30" s="53" t="s">
        <v>20</v>
      </c>
      <c r="AJ30" s="54">
        <v>11052.099999999999</v>
      </c>
      <c r="AK30" s="55">
        <v>50</v>
      </c>
      <c r="AL30" s="54">
        <v>11142.099999999999</v>
      </c>
      <c r="AM30" s="49">
        <v>16</v>
      </c>
      <c r="AN30" s="56">
        <v>38</v>
      </c>
      <c r="AO30" s="57">
        <v>3333.5999999999995</v>
      </c>
      <c r="AP30" s="49">
        <v>19</v>
      </c>
      <c r="AQ30" s="58">
        <v>43</v>
      </c>
      <c r="AR30" s="54">
        <v>3808.5</v>
      </c>
      <c r="AS30" s="49">
        <v>16</v>
      </c>
      <c r="AT30" s="58">
        <v>41</v>
      </c>
    </row>
    <row r="31" spans="1:46" s="48" customFormat="1" ht="20" customHeight="1" x14ac:dyDescent="0.2">
      <c r="A31" s="38">
        <v>20</v>
      </c>
      <c r="B31" s="39" t="s">
        <v>102</v>
      </c>
      <c r="C31" s="40" t="s">
        <v>103</v>
      </c>
      <c r="D31" s="39" t="s">
        <v>104</v>
      </c>
      <c r="E31" s="38" t="s">
        <v>59</v>
      </c>
      <c r="F31" s="41">
        <v>240.6</v>
      </c>
      <c r="G31" s="41">
        <v>618.1</v>
      </c>
      <c r="H31" s="41">
        <v>558.20000000000005</v>
      </c>
      <c r="I31" s="41">
        <v>237</v>
      </c>
      <c r="J31" s="41">
        <v>607.5</v>
      </c>
      <c r="K31" s="41">
        <v>548.6</v>
      </c>
      <c r="L31" s="41">
        <v>732.6</v>
      </c>
      <c r="M31" s="41">
        <v>1023.4</v>
      </c>
      <c r="N31" s="41">
        <v>49.7</v>
      </c>
      <c r="O31" s="41">
        <v>722.1</v>
      </c>
      <c r="P31" s="41" t="s">
        <v>20</v>
      </c>
      <c r="Q31" s="41" t="s">
        <v>20</v>
      </c>
      <c r="R31" s="41" t="s">
        <v>20</v>
      </c>
      <c r="S31" s="41" t="s">
        <v>20</v>
      </c>
      <c r="T31" s="41" t="s">
        <v>20</v>
      </c>
      <c r="U31" s="41" t="s">
        <v>20</v>
      </c>
      <c r="V31" s="41" t="s">
        <v>20</v>
      </c>
      <c r="W31" s="41" t="s">
        <v>20</v>
      </c>
      <c r="X31" s="41" t="s">
        <v>20</v>
      </c>
      <c r="Y31" s="41" t="s">
        <v>20</v>
      </c>
      <c r="Z31" s="41" t="s">
        <v>20</v>
      </c>
      <c r="AA31" s="41" t="s">
        <v>20</v>
      </c>
      <c r="AB31" s="41" t="s">
        <v>20</v>
      </c>
      <c r="AC31" s="41" t="s">
        <v>20</v>
      </c>
      <c r="AD31" s="41" t="s">
        <v>20</v>
      </c>
      <c r="AE31" s="41" t="s">
        <v>20</v>
      </c>
      <c r="AF31" s="41" t="s">
        <v>20</v>
      </c>
      <c r="AG31" s="41" t="s">
        <v>20</v>
      </c>
      <c r="AH31" s="41" t="s">
        <v>20</v>
      </c>
      <c r="AI31" s="42" t="s">
        <v>20</v>
      </c>
      <c r="AJ31" s="43" t="s">
        <v>20</v>
      </c>
      <c r="AK31" s="44">
        <v>250</v>
      </c>
      <c r="AL31" s="70" t="s">
        <v>51</v>
      </c>
      <c r="AM31" s="38"/>
      <c r="AN31" s="45" t="s">
        <v>20</v>
      </c>
      <c r="AO31" s="46">
        <v>2930</v>
      </c>
      <c r="AP31" s="38">
        <v>3</v>
      </c>
      <c r="AQ31" s="47">
        <v>8</v>
      </c>
      <c r="AR31" s="43" t="s">
        <v>20</v>
      </c>
      <c r="AS31" s="38" t="s">
        <v>20</v>
      </c>
      <c r="AT31" s="47" t="s">
        <v>20</v>
      </c>
    </row>
    <row r="32" spans="1:46" ht="20" customHeight="1" x14ac:dyDescent="0.2">
      <c r="A32" s="49">
        <v>17</v>
      </c>
      <c r="B32" s="50" t="s">
        <v>105</v>
      </c>
      <c r="C32" s="51" t="s">
        <v>106</v>
      </c>
      <c r="D32" s="50" t="s">
        <v>107</v>
      </c>
      <c r="E32" s="49" t="s">
        <v>55</v>
      </c>
      <c r="F32" s="52">
        <v>241.2</v>
      </c>
      <c r="G32" s="52">
        <v>625.70000000000005</v>
      </c>
      <c r="H32" s="52">
        <v>550.29999999999995</v>
      </c>
      <c r="I32" s="52">
        <v>236.6</v>
      </c>
      <c r="J32" s="52">
        <v>618.29999999999995</v>
      </c>
      <c r="K32" s="52">
        <v>549</v>
      </c>
      <c r="L32" s="52">
        <v>838.8</v>
      </c>
      <c r="M32" s="52" t="s">
        <v>20</v>
      </c>
      <c r="N32" s="52" t="s">
        <v>20</v>
      </c>
      <c r="O32" s="52" t="s">
        <v>20</v>
      </c>
      <c r="P32" s="52" t="s">
        <v>20</v>
      </c>
      <c r="Q32" s="52" t="s">
        <v>20</v>
      </c>
      <c r="R32" s="52" t="s">
        <v>20</v>
      </c>
      <c r="S32" s="52" t="s">
        <v>20</v>
      </c>
      <c r="T32" s="52" t="s">
        <v>20</v>
      </c>
      <c r="U32" s="52" t="s">
        <v>20</v>
      </c>
      <c r="V32" s="52" t="s">
        <v>20</v>
      </c>
      <c r="W32" s="52" t="s">
        <v>20</v>
      </c>
      <c r="X32" s="52" t="s">
        <v>20</v>
      </c>
      <c r="Y32" s="52" t="s">
        <v>20</v>
      </c>
      <c r="Z32" s="52" t="s">
        <v>20</v>
      </c>
      <c r="AA32" s="52" t="s">
        <v>20</v>
      </c>
      <c r="AB32" s="52" t="s">
        <v>20</v>
      </c>
      <c r="AC32" s="52" t="s">
        <v>20</v>
      </c>
      <c r="AD32" s="52" t="s">
        <v>20</v>
      </c>
      <c r="AE32" s="52" t="s">
        <v>20</v>
      </c>
      <c r="AF32" s="52" t="s">
        <v>20</v>
      </c>
      <c r="AG32" s="52" t="s">
        <v>20</v>
      </c>
      <c r="AH32" s="52" t="s">
        <v>20</v>
      </c>
      <c r="AI32" s="53" t="s">
        <v>20</v>
      </c>
      <c r="AJ32" s="54" t="s">
        <v>20</v>
      </c>
      <c r="AK32" s="55" t="s">
        <v>20</v>
      </c>
      <c r="AL32" s="71" t="s">
        <v>51</v>
      </c>
      <c r="AM32" s="49"/>
      <c r="AN32" s="56" t="s">
        <v>20</v>
      </c>
      <c r="AO32" s="57">
        <v>2941.1</v>
      </c>
      <c r="AP32" s="49">
        <v>6</v>
      </c>
      <c r="AQ32" s="58">
        <v>11</v>
      </c>
      <c r="AR32" s="54" t="s">
        <v>20</v>
      </c>
      <c r="AS32" s="49" t="s">
        <v>20</v>
      </c>
      <c r="AT32" s="58" t="s">
        <v>20</v>
      </c>
    </row>
    <row r="33" spans="1:46" s="48" customFormat="1" ht="20" customHeight="1" x14ac:dyDescent="0.2">
      <c r="A33" s="38">
        <v>25</v>
      </c>
      <c r="B33" s="39" t="s">
        <v>108</v>
      </c>
      <c r="C33" s="40" t="s">
        <v>109</v>
      </c>
      <c r="D33" s="39" t="s">
        <v>110</v>
      </c>
      <c r="E33" s="38" t="s">
        <v>59</v>
      </c>
      <c r="F33" s="41">
        <v>243.1</v>
      </c>
      <c r="G33" s="41">
        <v>621.29999999999995</v>
      </c>
      <c r="H33" s="41">
        <v>556.79999999999995</v>
      </c>
      <c r="I33" s="41">
        <v>239.7</v>
      </c>
      <c r="J33" s="41">
        <v>612.20000000000005</v>
      </c>
      <c r="K33" s="41">
        <v>548.20000000000005</v>
      </c>
      <c r="L33" s="41" t="s">
        <v>20</v>
      </c>
      <c r="M33" s="41" t="s">
        <v>20</v>
      </c>
      <c r="N33" s="41" t="s">
        <v>20</v>
      </c>
      <c r="O33" s="41" t="s">
        <v>20</v>
      </c>
      <c r="P33" s="41" t="s">
        <v>20</v>
      </c>
      <c r="Q33" s="41" t="s">
        <v>20</v>
      </c>
      <c r="R33" s="41" t="s">
        <v>20</v>
      </c>
      <c r="S33" s="41" t="s">
        <v>20</v>
      </c>
      <c r="T33" s="41" t="s">
        <v>20</v>
      </c>
      <c r="U33" s="41" t="s">
        <v>20</v>
      </c>
      <c r="V33" s="41" t="s">
        <v>20</v>
      </c>
      <c r="W33" s="41" t="s">
        <v>20</v>
      </c>
      <c r="X33" s="41" t="s">
        <v>20</v>
      </c>
      <c r="Y33" s="41" t="s">
        <v>20</v>
      </c>
      <c r="Z33" s="41" t="s">
        <v>20</v>
      </c>
      <c r="AA33" s="41" t="s">
        <v>20</v>
      </c>
      <c r="AB33" s="41" t="s">
        <v>20</v>
      </c>
      <c r="AC33" s="41" t="s">
        <v>20</v>
      </c>
      <c r="AD33" s="41" t="s">
        <v>20</v>
      </c>
      <c r="AE33" s="41" t="s">
        <v>20</v>
      </c>
      <c r="AF33" s="41" t="s">
        <v>20</v>
      </c>
      <c r="AG33" s="41" t="s">
        <v>20</v>
      </c>
      <c r="AH33" s="41" t="s">
        <v>20</v>
      </c>
      <c r="AI33" s="42" t="s">
        <v>20</v>
      </c>
      <c r="AJ33" s="43" t="s">
        <v>20</v>
      </c>
      <c r="AK33" s="44" t="s">
        <v>20</v>
      </c>
      <c r="AL33" s="70" t="s">
        <v>51</v>
      </c>
      <c r="AM33" s="38"/>
      <c r="AN33" s="45" t="s">
        <v>20</v>
      </c>
      <c r="AO33" s="46">
        <v>2941.3</v>
      </c>
      <c r="AP33" s="38">
        <v>7</v>
      </c>
      <c r="AQ33" s="47">
        <v>12</v>
      </c>
      <c r="AR33" s="43" t="s">
        <v>20</v>
      </c>
      <c r="AS33" s="38" t="s">
        <v>20</v>
      </c>
      <c r="AT33" s="47" t="s">
        <v>20</v>
      </c>
    </row>
    <row r="34" spans="1:46" s="8" customFormat="1" ht="20" customHeight="1" x14ac:dyDescent="0.2">
      <c r="A34" s="59">
        <v>24</v>
      </c>
      <c r="B34" s="60" t="s">
        <v>111</v>
      </c>
      <c r="C34" s="61" t="s">
        <v>112</v>
      </c>
      <c r="D34" s="60" t="s">
        <v>113</v>
      </c>
      <c r="E34" s="59" t="s">
        <v>59</v>
      </c>
      <c r="F34" s="62" t="s">
        <v>20</v>
      </c>
      <c r="G34" s="62" t="s">
        <v>20</v>
      </c>
      <c r="H34" s="62" t="s">
        <v>20</v>
      </c>
      <c r="I34" s="62" t="s">
        <v>20</v>
      </c>
      <c r="J34" s="62" t="s">
        <v>20</v>
      </c>
      <c r="K34" s="62" t="s">
        <v>20</v>
      </c>
      <c r="L34" s="62" t="s">
        <v>20</v>
      </c>
      <c r="M34" s="62" t="s">
        <v>20</v>
      </c>
      <c r="N34" s="62" t="s">
        <v>20</v>
      </c>
      <c r="O34" s="62" t="s">
        <v>20</v>
      </c>
      <c r="P34" s="62" t="s">
        <v>20</v>
      </c>
      <c r="Q34" s="62" t="s">
        <v>20</v>
      </c>
      <c r="R34" s="62" t="s">
        <v>20</v>
      </c>
      <c r="S34" s="62" t="s">
        <v>20</v>
      </c>
      <c r="T34" s="62" t="s">
        <v>20</v>
      </c>
      <c r="U34" s="62" t="s">
        <v>20</v>
      </c>
      <c r="V34" s="62" t="s">
        <v>20</v>
      </c>
      <c r="W34" s="62" t="s">
        <v>20</v>
      </c>
      <c r="X34" s="62" t="s">
        <v>20</v>
      </c>
      <c r="Y34" s="62" t="s">
        <v>20</v>
      </c>
      <c r="Z34" s="62" t="s">
        <v>20</v>
      </c>
      <c r="AA34" s="62" t="s">
        <v>20</v>
      </c>
      <c r="AB34" s="62" t="s">
        <v>20</v>
      </c>
      <c r="AC34" s="62" t="s">
        <v>20</v>
      </c>
      <c r="AD34" s="62" t="s">
        <v>20</v>
      </c>
      <c r="AE34" s="62" t="s">
        <v>20</v>
      </c>
      <c r="AF34" s="62" t="s">
        <v>20</v>
      </c>
      <c r="AG34" s="62" t="s">
        <v>20</v>
      </c>
      <c r="AH34" s="62" t="s">
        <v>20</v>
      </c>
      <c r="AI34" s="63" t="s">
        <v>20</v>
      </c>
      <c r="AJ34" s="64" t="s">
        <v>20</v>
      </c>
      <c r="AK34" s="65" t="s">
        <v>20</v>
      </c>
      <c r="AL34" s="66" t="s">
        <v>51</v>
      </c>
      <c r="AM34" s="59"/>
      <c r="AN34" s="67" t="s">
        <v>20</v>
      </c>
      <c r="AO34" s="68" t="s">
        <v>20</v>
      </c>
      <c r="AP34" s="59" t="s">
        <v>20</v>
      </c>
      <c r="AQ34" s="69" t="s">
        <v>20</v>
      </c>
      <c r="AR34" s="64" t="s">
        <v>20</v>
      </c>
      <c r="AS34" s="59" t="s">
        <v>20</v>
      </c>
      <c r="AT34" s="69" t="s">
        <v>20</v>
      </c>
    </row>
    <row r="35" spans="1:46" s="48" customFormat="1" ht="20" customHeight="1" x14ac:dyDescent="0.2">
      <c r="A35" s="38">
        <v>34</v>
      </c>
      <c r="B35" s="39" t="s">
        <v>114</v>
      </c>
      <c r="C35" s="40" t="s">
        <v>115</v>
      </c>
      <c r="D35" s="39" t="s">
        <v>116</v>
      </c>
      <c r="E35" s="38" t="s">
        <v>117</v>
      </c>
      <c r="F35" s="41">
        <v>250.2</v>
      </c>
      <c r="G35" s="41">
        <v>639.20000000000005</v>
      </c>
      <c r="H35" s="41">
        <v>605.70000000000005</v>
      </c>
      <c r="I35" s="41">
        <v>247.5</v>
      </c>
      <c r="J35" s="41">
        <v>629.4</v>
      </c>
      <c r="K35" s="41">
        <v>556.1</v>
      </c>
      <c r="L35" s="41">
        <v>725.8</v>
      </c>
      <c r="M35" s="41">
        <v>906.5</v>
      </c>
      <c r="N35" s="41">
        <v>51.6</v>
      </c>
      <c r="O35" s="41">
        <v>732.1</v>
      </c>
      <c r="P35" s="41">
        <v>907.4</v>
      </c>
      <c r="Q35" s="41">
        <v>51.5</v>
      </c>
      <c r="R35" s="41" t="s">
        <v>20</v>
      </c>
      <c r="S35" s="41" t="s">
        <v>20</v>
      </c>
      <c r="T35" s="41" t="s">
        <v>20</v>
      </c>
      <c r="U35" s="41" t="s">
        <v>20</v>
      </c>
      <c r="V35" s="41" t="s">
        <v>20</v>
      </c>
      <c r="W35" s="41" t="s">
        <v>20</v>
      </c>
      <c r="X35" s="41" t="s">
        <v>20</v>
      </c>
      <c r="Y35" s="41" t="s">
        <v>20</v>
      </c>
      <c r="Z35" s="41" t="s">
        <v>20</v>
      </c>
      <c r="AA35" s="41" t="s">
        <v>20</v>
      </c>
      <c r="AB35" s="41" t="s">
        <v>20</v>
      </c>
      <c r="AC35" s="41" t="s">
        <v>20</v>
      </c>
      <c r="AD35" s="41" t="s">
        <v>20</v>
      </c>
      <c r="AE35" s="41" t="s">
        <v>20</v>
      </c>
      <c r="AF35" s="41" t="s">
        <v>20</v>
      </c>
      <c r="AG35" s="41" t="s">
        <v>20</v>
      </c>
      <c r="AH35" s="41" t="s">
        <v>20</v>
      </c>
      <c r="AI35" s="42" t="s">
        <v>20</v>
      </c>
      <c r="AJ35" s="43">
        <v>10543</v>
      </c>
      <c r="AK35" s="44" t="s">
        <v>20</v>
      </c>
      <c r="AL35" s="43">
        <v>10543</v>
      </c>
      <c r="AM35" s="38">
        <v>1</v>
      </c>
      <c r="AN35" s="45">
        <v>16</v>
      </c>
      <c r="AO35" s="46">
        <v>3048.1</v>
      </c>
      <c r="AP35" s="38">
        <v>2</v>
      </c>
      <c r="AQ35" s="47">
        <v>22</v>
      </c>
      <c r="AR35" s="43">
        <v>3454.9</v>
      </c>
      <c r="AS35" s="38">
        <v>3</v>
      </c>
      <c r="AT35" s="47">
        <v>15</v>
      </c>
    </row>
    <row r="36" spans="1:46" ht="20" customHeight="1" x14ac:dyDescent="0.2">
      <c r="A36" s="49">
        <v>36</v>
      </c>
      <c r="B36" s="50" t="s">
        <v>118</v>
      </c>
      <c r="C36" s="51" t="s">
        <v>119</v>
      </c>
      <c r="D36" s="50" t="s">
        <v>120</v>
      </c>
      <c r="E36" s="49" t="s">
        <v>117</v>
      </c>
      <c r="F36" s="52">
        <v>248.4</v>
      </c>
      <c r="G36" s="52">
        <v>639</v>
      </c>
      <c r="H36" s="52">
        <v>602.4</v>
      </c>
      <c r="I36" s="52">
        <v>245.2</v>
      </c>
      <c r="J36" s="52">
        <v>629.79999999999995</v>
      </c>
      <c r="K36" s="52">
        <v>559.20000000000005</v>
      </c>
      <c r="L36" s="52">
        <v>725.8</v>
      </c>
      <c r="M36" s="52">
        <v>913</v>
      </c>
      <c r="N36" s="52">
        <v>50.2</v>
      </c>
      <c r="O36" s="52">
        <v>738.4</v>
      </c>
      <c r="P36" s="52">
        <v>904.4</v>
      </c>
      <c r="Q36" s="52">
        <v>49.9</v>
      </c>
      <c r="R36" s="52" t="s">
        <v>20</v>
      </c>
      <c r="S36" s="52" t="s">
        <v>20</v>
      </c>
      <c r="T36" s="52" t="s">
        <v>20</v>
      </c>
      <c r="U36" s="52" t="s">
        <v>20</v>
      </c>
      <c r="V36" s="52" t="s">
        <v>20</v>
      </c>
      <c r="W36" s="52" t="s">
        <v>20</v>
      </c>
      <c r="X36" s="52" t="s">
        <v>20</v>
      </c>
      <c r="Y36" s="52" t="s">
        <v>20</v>
      </c>
      <c r="Z36" s="52" t="s">
        <v>20</v>
      </c>
      <c r="AA36" s="52" t="s">
        <v>20</v>
      </c>
      <c r="AB36" s="52" t="s">
        <v>20</v>
      </c>
      <c r="AC36" s="52" t="s">
        <v>20</v>
      </c>
      <c r="AD36" s="52" t="s">
        <v>20</v>
      </c>
      <c r="AE36" s="52" t="s">
        <v>20</v>
      </c>
      <c r="AF36" s="52" t="s">
        <v>20</v>
      </c>
      <c r="AG36" s="52" t="s">
        <v>20</v>
      </c>
      <c r="AH36" s="52" t="s">
        <v>20</v>
      </c>
      <c r="AI36" s="53" t="s">
        <v>20</v>
      </c>
      <c r="AJ36" s="54">
        <v>10545.7</v>
      </c>
      <c r="AK36" s="55" t="s">
        <v>20</v>
      </c>
      <c r="AL36" s="54">
        <v>10545.7</v>
      </c>
      <c r="AM36" s="49">
        <v>2</v>
      </c>
      <c r="AN36" s="56">
        <v>17</v>
      </c>
      <c r="AO36" s="57">
        <v>3044</v>
      </c>
      <c r="AP36" s="49">
        <v>1</v>
      </c>
      <c r="AQ36" s="58">
        <v>21</v>
      </c>
      <c r="AR36" s="54">
        <v>3501.7000000000003</v>
      </c>
      <c r="AS36" s="49">
        <v>4</v>
      </c>
      <c r="AT36" s="58">
        <v>18</v>
      </c>
    </row>
    <row r="37" spans="1:46" s="48" customFormat="1" ht="20" customHeight="1" x14ac:dyDescent="0.2">
      <c r="A37" s="38">
        <v>32</v>
      </c>
      <c r="B37" s="39" t="s">
        <v>121</v>
      </c>
      <c r="C37" s="40" t="s">
        <v>122</v>
      </c>
      <c r="D37" s="39" t="s">
        <v>123</v>
      </c>
      <c r="E37" s="38" t="s">
        <v>117</v>
      </c>
      <c r="F37" s="41">
        <v>243.1</v>
      </c>
      <c r="G37" s="41">
        <v>622.20000000000005</v>
      </c>
      <c r="H37" s="41">
        <v>603.20000000000005</v>
      </c>
      <c r="I37" s="41">
        <v>240.2</v>
      </c>
      <c r="J37" s="41">
        <v>616.1</v>
      </c>
      <c r="K37" s="41">
        <v>555.4</v>
      </c>
      <c r="L37" s="41">
        <v>725.8</v>
      </c>
      <c r="M37" s="41">
        <v>914</v>
      </c>
      <c r="N37" s="41">
        <v>50.2</v>
      </c>
      <c r="O37" s="41">
        <v>725.8</v>
      </c>
      <c r="P37" s="41">
        <v>902.6</v>
      </c>
      <c r="Q37" s="41">
        <v>49</v>
      </c>
      <c r="R37" s="41" t="s">
        <v>20</v>
      </c>
      <c r="S37" s="41" t="s">
        <v>20</v>
      </c>
      <c r="T37" s="41" t="s">
        <v>20</v>
      </c>
      <c r="U37" s="41" t="s">
        <v>20</v>
      </c>
      <c r="V37" s="41" t="s">
        <v>20</v>
      </c>
      <c r="W37" s="41" t="s">
        <v>20</v>
      </c>
      <c r="X37" s="41" t="s">
        <v>20</v>
      </c>
      <c r="Y37" s="41" t="s">
        <v>20</v>
      </c>
      <c r="Z37" s="41" t="s">
        <v>20</v>
      </c>
      <c r="AA37" s="41" t="s">
        <v>20</v>
      </c>
      <c r="AB37" s="41" t="s">
        <v>20</v>
      </c>
      <c r="AC37" s="41" t="s">
        <v>20</v>
      </c>
      <c r="AD37" s="41" t="s">
        <v>20</v>
      </c>
      <c r="AE37" s="41" t="s">
        <v>20</v>
      </c>
      <c r="AF37" s="41" t="s">
        <v>20</v>
      </c>
      <c r="AG37" s="41" t="s">
        <v>20</v>
      </c>
      <c r="AH37" s="41" t="s">
        <v>20</v>
      </c>
      <c r="AI37" s="42" t="s">
        <v>20</v>
      </c>
      <c r="AJ37" s="43">
        <v>10447.6</v>
      </c>
      <c r="AK37" s="44">
        <v>100</v>
      </c>
      <c r="AL37" s="43">
        <v>10547.6</v>
      </c>
      <c r="AM37" s="38">
        <v>3</v>
      </c>
      <c r="AN37" s="45">
        <v>18</v>
      </c>
      <c r="AO37" s="46">
        <v>3100.2000000000003</v>
      </c>
      <c r="AP37" s="38">
        <v>4</v>
      </c>
      <c r="AQ37" s="47">
        <v>25</v>
      </c>
      <c r="AR37" s="43">
        <v>3447.4</v>
      </c>
      <c r="AS37" s="38">
        <v>1</v>
      </c>
      <c r="AT37" s="47">
        <v>12</v>
      </c>
    </row>
    <row r="38" spans="1:46" ht="20" customHeight="1" x14ac:dyDescent="0.2">
      <c r="A38" s="49">
        <v>35</v>
      </c>
      <c r="B38" s="50" t="s">
        <v>124</v>
      </c>
      <c r="C38" s="51" t="s">
        <v>125</v>
      </c>
      <c r="D38" s="50" t="s">
        <v>126</v>
      </c>
      <c r="E38" s="49" t="s">
        <v>117</v>
      </c>
      <c r="F38" s="52">
        <v>248.5</v>
      </c>
      <c r="G38" s="52">
        <v>649.9</v>
      </c>
      <c r="H38" s="52">
        <v>613.29999999999995</v>
      </c>
      <c r="I38" s="52">
        <v>243.6</v>
      </c>
      <c r="J38" s="52">
        <v>630.79999999999995</v>
      </c>
      <c r="K38" s="52">
        <v>606</v>
      </c>
      <c r="L38" s="52">
        <v>725.8</v>
      </c>
      <c r="M38" s="52">
        <v>911.1</v>
      </c>
      <c r="N38" s="52">
        <v>49.8</v>
      </c>
      <c r="O38" s="52">
        <v>732.1</v>
      </c>
      <c r="P38" s="52">
        <v>859</v>
      </c>
      <c r="Q38" s="52">
        <v>50.9</v>
      </c>
      <c r="R38" s="52" t="s">
        <v>20</v>
      </c>
      <c r="S38" s="52" t="s">
        <v>20</v>
      </c>
      <c r="T38" s="52" t="s">
        <v>20</v>
      </c>
      <c r="U38" s="52" t="s">
        <v>20</v>
      </c>
      <c r="V38" s="52" t="s">
        <v>20</v>
      </c>
      <c r="W38" s="52" t="s">
        <v>20</v>
      </c>
      <c r="X38" s="52" t="s">
        <v>20</v>
      </c>
      <c r="Y38" s="52" t="s">
        <v>20</v>
      </c>
      <c r="Z38" s="52" t="s">
        <v>20</v>
      </c>
      <c r="AA38" s="52" t="s">
        <v>20</v>
      </c>
      <c r="AB38" s="52" t="s">
        <v>20</v>
      </c>
      <c r="AC38" s="52" t="s">
        <v>20</v>
      </c>
      <c r="AD38" s="52" t="s">
        <v>20</v>
      </c>
      <c r="AE38" s="52" t="s">
        <v>20</v>
      </c>
      <c r="AF38" s="52" t="s">
        <v>20</v>
      </c>
      <c r="AG38" s="52" t="s">
        <v>20</v>
      </c>
      <c r="AH38" s="52" t="s">
        <v>20</v>
      </c>
      <c r="AI38" s="53" t="s">
        <v>20</v>
      </c>
      <c r="AJ38" s="54">
        <v>10600.8</v>
      </c>
      <c r="AK38" s="55" t="s">
        <v>20</v>
      </c>
      <c r="AL38" s="54">
        <v>10600.8</v>
      </c>
      <c r="AM38" s="49">
        <v>4</v>
      </c>
      <c r="AN38" s="56">
        <v>20</v>
      </c>
      <c r="AO38" s="57">
        <v>3112.1</v>
      </c>
      <c r="AP38" s="49">
        <v>6</v>
      </c>
      <c r="AQ38" s="58">
        <v>27</v>
      </c>
      <c r="AR38" s="54">
        <v>3448.7000000000003</v>
      </c>
      <c r="AS38" s="49">
        <v>2</v>
      </c>
      <c r="AT38" s="58">
        <v>13</v>
      </c>
    </row>
    <row r="39" spans="1:46" s="48" customFormat="1" ht="20" customHeight="1" x14ac:dyDescent="0.2">
      <c r="A39" s="38">
        <v>37</v>
      </c>
      <c r="B39" s="39" t="s">
        <v>127</v>
      </c>
      <c r="C39" s="40" t="s">
        <v>128</v>
      </c>
      <c r="D39" s="39" t="s">
        <v>129</v>
      </c>
      <c r="E39" s="38" t="s">
        <v>117</v>
      </c>
      <c r="F39" s="41">
        <v>248.1</v>
      </c>
      <c r="G39" s="41">
        <v>632.1</v>
      </c>
      <c r="H39" s="41">
        <v>608.70000000000005</v>
      </c>
      <c r="I39" s="41">
        <v>246.8</v>
      </c>
      <c r="J39" s="41">
        <v>638.6</v>
      </c>
      <c r="K39" s="41">
        <v>557.5</v>
      </c>
      <c r="L39" s="41">
        <v>725.8</v>
      </c>
      <c r="M39" s="41">
        <v>925.3</v>
      </c>
      <c r="N39" s="41">
        <v>50.7</v>
      </c>
      <c r="O39" s="41">
        <v>752.4</v>
      </c>
      <c r="P39" s="41">
        <v>914.4</v>
      </c>
      <c r="Q39" s="41">
        <v>50.8</v>
      </c>
      <c r="R39" s="41" t="s">
        <v>20</v>
      </c>
      <c r="S39" s="41" t="s">
        <v>20</v>
      </c>
      <c r="T39" s="41" t="s">
        <v>20</v>
      </c>
      <c r="U39" s="41" t="s">
        <v>20</v>
      </c>
      <c r="V39" s="41" t="s">
        <v>20</v>
      </c>
      <c r="W39" s="41" t="s">
        <v>20</v>
      </c>
      <c r="X39" s="41" t="s">
        <v>20</v>
      </c>
      <c r="Y39" s="41" t="s">
        <v>20</v>
      </c>
      <c r="Z39" s="41" t="s">
        <v>20</v>
      </c>
      <c r="AA39" s="41" t="s">
        <v>20</v>
      </c>
      <c r="AB39" s="41" t="s">
        <v>20</v>
      </c>
      <c r="AC39" s="41" t="s">
        <v>20</v>
      </c>
      <c r="AD39" s="41" t="s">
        <v>20</v>
      </c>
      <c r="AE39" s="41" t="s">
        <v>20</v>
      </c>
      <c r="AF39" s="41" t="s">
        <v>20</v>
      </c>
      <c r="AG39" s="41" t="s">
        <v>20</v>
      </c>
      <c r="AH39" s="41" t="s">
        <v>20</v>
      </c>
      <c r="AI39" s="42" t="s">
        <v>20</v>
      </c>
      <c r="AJ39" s="43">
        <v>10631.2</v>
      </c>
      <c r="AK39" s="44" t="s">
        <v>20</v>
      </c>
      <c r="AL39" s="43">
        <v>10631.2</v>
      </c>
      <c r="AM39" s="38">
        <v>5</v>
      </c>
      <c r="AN39" s="45">
        <v>22</v>
      </c>
      <c r="AO39" s="46">
        <v>3051.8</v>
      </c>
      <c r="AP39" s="38">
        <v>3</v>
      </c>
      <c r="AQ39" s="47">
        <v>23</v>
      </c>
      <c r="AR39" s="43">
        <v>3539.4</v>
      </c>
      <c r="AS39" s="38">
        <v>6</v>
      </c>
      <c r="AT39" s="47">
        <v>27</v>
      </c>
    </row>
    <row r="40" spans="1:46" ht="20" customHeight="1" x14ac:dyDescent="0.2">
      <c r="A40" s="49">
        <v>33</v>
      </c>
      <c r="B40" s="50" t="s">
        <v>130</v>
      </c>
      <c r="C40" s="51" t="s">
        <v>131</v>
      </c>
      <c r="D40" s="50" t="s">
        <v>132</v>
      </c>
      <c r="E40" s="49" t="s">
        <v>117</v>
      </c>
      <c r="F40" s="52">
        <v>257.5</v>
      </c>
      <c r="G40" s="52">
        <v>640.9</v>
      </c>
      <c r="H40" s="52">
        <v>611.70000000000005</v>
      </c>
      <c r="I40" s="52">
        <v>248.5</v>
      </c>
      <c r="J40" s="52">
        <v>625.79999999999995</v>
      </c>
      <c r="K40" s="52">
        <v>603.20000000000005</v>
      </c>
      <c r="L40" s="52">
        <v>725.8</v>
      </c>
      <c r="M40" s="52">
        <v>922</v>
      </c>
      <c r="N40" s="52">
        <v>58</v>
      </c>
      <c r="O40" s="52">
        <v>741.3</v>
      </c>
      <c r="P40" s="52">
        <v>909.1</v>
      </c>
      <c r="Q40" s="52">
        <v>53.8</v>
      </c>
      <c r="R40" s="52" t="s">
        <v>20</v>
      </c>
      <c r="S40" s="52" t="s">
        <v>20</v>
      </c>
      <c r="T40" s="52" t="s">
        <v>20</v>
      </c>
      <c r="U40" s="52" t="s">
        <v>20</v>
      </c>
      <c r="V40" s="52" t="s">
        <v>20</v>
      </c>
      <c r="W40" s="52" t="s">
        <v>20</v>
      </c>
      <c r="X40" s="52" t="s">
        <v>20</v>
      </c>
      <c r="Y40" s="52" t="s">
        <v>20</v>
      </c>
      <c r="Z40" s="52" t="s">
        <v>20</v>
      </c>
      <c r="AA40" s="52" t="s">
        <v>20</v>
      </c>
      <c r="AB40" s="52" t="s">
        <v>20</v>
      </c>
      <c r="AC40" s="52" t="s">
        <v>20</v>
      </c>
      <c r="AD40" s="52" t="s">
        <v>20</v>
      </c>
      <c r="AE40" s="52" t="s">
        <v>20</v>
      </c>
      <c r="AF40" s="52" t="s">
        <v>20</v>
      </c>
      <c r="AG40" s="52" t="s">
        <v>20</v>
      </c>
      <c r="AH40" s="52" t="s">
        <v>20</v>
      </c>
      <c r="AI40" s="53" t="s">
        <v>20</v>
      </c>
      <c r="AJ40" s="54">
        <v>10637.6</v>
      </c>
      <c r="AK40" s="55" t="s">
        <v>20</v>
      </c>
      <c r="AL40" s="54">
        <v>10637.6</v>
      </c>
      <c r="AM40" s="49">
        <v>6</v>
      </c>
      <c r="AN40" s="56">
        <v>23</v>
      </c>
      <c r="AO40" s="57">
        <v>3107.6</v>
      </c>
      <c r="AP40" s="49">
        <v>5</v>
      </c>
      <c r="AQ40" s="58">
        <v>26</v>
      </c>
      <c r="AR40" s="54">
        <v>3530</v>
      </c>
      <c r="AS40" s="49">
        <v>5</v>
      </c>
      <c r="AT40" s="58">
        <v>24</v>
      </c>
    </row>
    <row r="41" spans="1:46" s="48" customFormat="1" ht="20" customHeight="1" x14ac:dyDescent="0.2">
      <c r="A41" s="38">
        <v>41</v>
      </c>
      <c r="B41" s="39" t="s">
        <v>133</v>
      </c>
      <c r="C41" s="40" t="s">
        <v>134</v>
      </c>
      <c r="D41" s="39" t="s">
        <v>135</v>
      </c>
      <c r="E41" s="38" t="s">
        <v>117</v>
      </c>
      <c r="F41" s="41">
        <v>252.3</v>
      </c>
      <c r="G41" s="41">
        <v>647.29999999999995</v>
      </c>
      <c r="H41" s="41">
        <v>611.5</v>
      </c>
      <c r="I41" s="41">
        <v>248.9</v>
      </c>
      <c r="J41" s="41">
        <v>638.9</v>
      </c>
      <c r="K41" s="41">
        <v>608.4</v>
      </c>
      <c r="L41" s="41">
        <v>725.8</v>
      </c>
      <c r="M41" s="41">
        <v>926.1</v>
      </c>
      <c r="N41" s="41">
        <v>49.9</v>
      </c>
      <c r="O41" s="41">
        <v>747.2</v>
      </c>
      <c r="P41" s="41">
        <v>925.2</v>
      </c>
      <c r="Q41" s="41">
        <v>51.2</v>
      </c>
      <c r="R41" s="41" t="s">
        <v>20</v>
      </c>
      <c r="S41" s="41" t="s">
        <v>20</v>
      </c>
      <c r="T41" s="41" t="s">
        <v>20</v>
      </c>
      <c r="U41" s="41" t="s">
        <v>20</v>
      </c>
      <c r="V41" s="41" t="s">
        <v>20</v>
      </c>
      <c r="W41" s="41" t="s">
        <v>20</v>
      </c>
      <c r="X41" s="41" t="s">
        <v>20</v>
      </c>
      <c r="Y41" s="41" t="s">
        <v>20</v>
      </c>
      <c r="Z41" s="41" t="s">
        <v>20</v>
      </c>
      <c r="AA41" s="41" t="s">
        <v>20</v>
      </c>
      <c r="AB41" s="41" t="s">
        <v>20</v>
      </c>
      <c r="AC41" s="41" t="s">
        <v>20</v>
      </c>
      <c r="AD41" s="41" t="s">
        <v>20</v>
      </c>
      <c r="AE41" s="41" t="s">
        <v>20</v>
      </c>
      <c r="AF41" s="41" t="s">
        <v>20</v>
      </c>
      <c r="AG41" s="41" t="s">
        <v>20</v>
      </c>
      <c r="AH41" s="41" t="s">
        <v>20</v>
      </c>
      <c r="AI41" s="42" t="s">
        <v>20</v>
      </c>
      <c r="AJ41" s="43">
        <v>10712.7</v>
      </c>
      <c r="AK41" s="44" t="s">
        <v>20</v>
      </c>
      <c r="AL41" s="43">
        <v>10712.7</v>
      </c>
      <c r="AM41" s="38">
        <v>7</v>
      </c>
      <c r="AN41" s="45">
        <v>25</v>
      </c>
      <c r="AO41" s="46">
        <v>3127.3</v>
      </c>
      <c r="AP41" s="38">
        <v>7</v>
      </c>
      <c r="AQ41" s="47">
        <v>29</v>
      </c>
      <c r="AR41" s="43">
        <v>3545.3999999999996</v>
      </c>
      <c r="AS41" s="38">
        <v>8</v>
      </c>
      <c r="AT41" s="47">
        <v>29</v>
      </c>
    </row>
    <row r="42" spans="1:46" ht="20" customHeight="1" x14ac:dyDescent="0.2">
      <c r="A42" s="49">
        <v>38</v>
      </c>
      <c r="B42" s="50" t="s">
        <v>136</v>
      </c>
      <c r="C42" s="51" t="s">
        <v>137</v>
      </c>
      <c r="D42" s="50" t="s">
        <v>138</v>
      </c>
      <c r="E42" s="49" t="s">
        <v>117</v>
      </c>
      <c r="F42" s="52">
        <v>251.5</v>
      </c>
      <c r="G42" s="52">
        <v>650.4</v>
      </c>
      <c r="H42" s="52">
        <v>608.6</v>
      </c>
      <c r="I42" s="52">
        <v>251.7</v>
      </c>
      <c r="J42" s="52">
        <v>651.1</v>
      </c>
      <c r="K42" s="52">
        <v>605.9</v>
      </c>
      <c r="L42" s="52">
        <v>725.8</v>
      </c>
      <c r="M42" s="52">
        <v>943.2</v>
      </c>
      <c r="N42" s="52">
        <v>50.2</v>
      </c>
      <c r="O42" s="52">
        <v>813.7</v>
      </c>
      <c r="P42" s="52">
        <v>938.3</v>
      </c>
      <c r="Q42" s="52">
        <v>49.7</v>
      </c>
      <c r="R42" s="52" t="s">
        <v>20</v>
      </c>
      <c r="S42" s="52" t="s">
        <v>20</v>
      </c>
      <c r="T42" s="52" t="s">
        <v>20</v>
      </c>
      <c r="U42" s="52" t="s">
        <v>20</v>
      </c>
      <c r="V42" s="52" t="s">
        <v>20</v>
      </c>
      <c r="W42" s="52" t="s">
        <v>20</v>
      </c>
      <c r="X42" s="52" t="s">
        <v>20</v>
      </c>
      <c r="Y42" s="52" t="s">
        <v>20</v>
      </c>
      <c r="Z42" s="52" t="s">
        <v>20</v>
      </c>
      <c r="AA42" s="52" t="s">
        <v>20</v>
      </c>
      <c r="AB42" s="52" t="s">
        <v>20</v>
      </c>
      <c r="AC42" s="52" t="s">
        <v>20</v>
      </c>
      <c r="AD42" s="52" t="s">
        <v>20</v>
      </c>
      <c r="AE42" s="52" t="s">
        <v>20</v>
      </c>
      <c r="AF42" s="52" t="s">
        <v>20</v>
      </c>
      <c r="AG42" s="52" t="s">
        <v>20</v>
      </c>
      <c r="AH42" s="52" t="s">
        <v>20</v>
      </c>
      <c r="AI42" s="53" t="s">
        <v>20</v>
      </c>
      <c r="AJ42" s="54">
        <v>10820.099999999999</v>
      </c>
      <c r="AK42" s="55" t="s">
        <v>20</v>
      </c>
      <c r="AL42" s="54">
        <v>10820.099999999999</v>
      </c>
      <c r="AM42" s="49">
        <v>8</v>
      </c>
      <c r="AN42" s="56">
        <v>29</v>
      </c>
      <c r="AO42" s="57">
        <v>3139.2000000000003</v>
      </c>
      <c r="AP42" s="49">
        <v>8</v>
      </c>
      <c r="AQ42" s="58">
        <v>31</v>
      </c>
      <c r="AR42" s="54">
        <v>3640.8999999999996</v>
      </c>
      <c r="AS42" s="49">
        <v>9</v>
      </c>
      <c r="AT42" s="58">
        <v>35</v>
      </c>
    </row>
    <row r="43" spans="1:46" s="48" customFormat="1" ht="20" customHeight="1" x14ac:dyDescent="0.2">
      <c r="A43" s="38">
        <v>40</v>
      </c>
      <c r="B43" s="39" t="s">
        <v>139</v>
      </c>
      <c r="C43" s="40" t="s">
        <v>140</v>
      </c>
      <c r="D43" s="39" t="s">
        <v>141</v>
      </c>
      <c r="E43" s="38" t="s">
        <v>117</v>
      </c>
      <c r="F43" s="41">
        <v>257.2</v>
      </c>
      <c r="G43" s="41">
        <v>712.4</v>
      </c>
      <c r="H43" s="41">
        <v>633.20000000000005</v>
      </c>
      <c r="I43" s="41">
        <v>252.2</v>
      </c>
      <c r="J43" s="41">
        <v>657.3</v>
      </c>
      <c r="K43" s="41">
        <v>613.79999999999995</v>
      </c>
      <c r="L43" s="41">
        <v>725.8</v>
      </c>
      <c r="M43" s="41">
        <v>934.9</v>
      </c>
      <c r="N43" s="41">
        <v>50.9</v>
      </c>
      <c r="O43" s="41">
        <v>743.3</v>
      </c>
      <c r="P43" s="41">
        <v>919</v>
      </c>
      <c r="Q43" s="41">
        <v>50</v>
      </c>
      <c r="R43" s="41" t="s">
        <v>20</v>
      </c>
      <c r="S43" s="41" t="s">
        <v>20</v>
      </c>
      <c r="T43" s="41" t="s">
        <v>20</v>
      </c>
      <c r="U43" s="41" t="s">
        <v>20</v>
      </c>
      <c r="V43" s="41" t="s">
        <v>20</v>
      </c>
      <c r="W43" s="41" t="s">
        <v>20</v>
      </c>
      <c r="X43" s="41" t="s">
        <v>20</v>
      </c>
      <c r="Y43" s="41" t="s">
        <v>20</v>
      </c>
      <c r="Z43" s="41" t="s">
        <v>20</v>
      </c>
      <c r="AA43" s="41" t="s">
        <v>20</v>
      </c>
      <c r="AB43" s="41" t="s">
        <v>20</v>
      </c>
      <c r="AC43" s="41" t="s">
        <v>20</v>
      </c>
      <c r="AD43" s="41" t="s">
        <v>20</v>
      </c>
      <c r="AE43" s="41" t="s">
        <v>20</v>
      </c>
      <c r="AF43" s="41" t="s">
        <v>20</v>
      </c>
      <c r="AG43" s="41" t="s">
        <v>20</v>
      </c>
      <c r="AH43" s="41" t="s">
        <v>20</v>
      </c>
      <c r="AI43" s="42" t="s">
        <v>20</v>
      </c>
      <c r="AJ43" s="43">
        <v>10830</v>
      </c>
      <c r="AK43" s="44" t="s">
        <v>20</v>
      </c>
      <c r="AL43" s="43">
        <v>10830</v>
      </c>
      <c r="AM43" s="38">
        <v>9</v>
      </c>
      <c r="AN43" s="45">
        <v>31</v>
      </c>
      <c r="AO43" s="46">
        <v>3246.1</v>
      </c>
      <c r="AP43" s="38">
        <v>10</v>
      </c>
      <c r="AQ43" s="47">
        <v>38</v>
      </c>
      <c r="AR43" s="43">
        <v>3543.8999999999996</v>
      </c>
      <c r="AS43" s="38">
        <v>7</v>
      </c>
      <c r="AT43" s="47">
        <v>28</v>
      </c>
    </row>
    <row r="44" spans="1:46" ht="20" customHeight="1" x14ac:dyDescent="0.2">
      <c r="A44" s="49">
        <v>42</v>
      </c>
      <c r="B44" s="50" t="s">
        <v>142</v>
      </c>
      <c r="C44" s="51" t="s">
        <v>143</v>
      </c>
      <c r="D44" s="50" t="s">
        <v>144</v>
      </c>
      <c r="E44" s="49" t="s">
        <v>117</v>
      </c>
      <c r="F44" s="52">
        <v>302.60000000000002</v>
      </c>
      <c r="G44" s="52">
        <v>700.3</v>
      </c>
      <c r="H44" s="52">
        <v>624.70000000000005</v>
      </c>
      <c r="I44" s="52">
        <v>252</v>
      </c>
      <c r="J44" s="52">
        <v>650.6</v>
      </c>
      <c r="K44" s="52">
        <v>616.4</v>
      </c>
      <c r="L44" s="52">
        <v>725.8</v>
      </c>
      <c r="M44" s="52">
        <v>1000.4</v>
      </c>
      <c r="N44" s="52">
        <v>51.8</v>
      </c>
      <c r="O44" s="52">
        <v>811.6</v>
      </c>
      <c r="P44" s="52">
        <v>1013.2</v>
      </c>
      <c r="Q44" s="52">
        <v>51.7</v>
      </c>
      <c r="R44" s="52" t="s">
        <v>20</v>
      </c>
      <c r="S44" s="52" t="s">
        <v>20</v>
      </c>
      <c r="T44" s="52" t="s">
        <v>20</v>
      </c>
      <c r="U44" s="52" t="s">
        <v>20</v>
      </c>
      <c r="V44" s="52" t="s">
        <v>20</v>
      </c>
      <c r="W44" s="52" t="s">
        <v>20</v>
      </c>
      <c r="X44" s="52" t="s">
        <v>20</v>
      </c>
      <c r="Y44" s="52" t="s">
        <v>20</v>
      </c>
      <c r="Z44" s="52" t="s">
        <v>20</v>
      </c>
      <c r="AA44" s="52" t="s">
        <v>20</v>
      </c>
      <c r="AB44" s="52" t="s">
        <v>20</v>
      </c>
      <c r="AC44" s="52" t="s">
        <v>20</v>
      </c>
      <c r="AD44" s="52" t="s">
        <v>20</v>
      </c>
      <c r="AE44" s="52" t="s">
        <v>20</v>
      </c>
      <c r="AF44" s="52" t="s">
        <v>20</v>
      </c>
      <c r="AG44" s="52" t="s">
        <v>20</v>
      </c>
      <c r="AH44" s="52" t="s">
        <v>20</v>
      </c>
      <c r="AI44" s="53" t="s">
        <v>20</v>
      </c>
      <c r="AJ44" s="54">
        <v>11001.099999999999</v>
      </c>
      <c r="AK44" s="55" t="s">
        <v>20</v>
      </c>
      <c r="AL44" s="54">
        <v>11001.099999999999</v>
      </c>
      <c r="AM44" s="49">
        <v>10</v>
      </c>
      <c r="AN44" s="56">
        <v>36</v>
      </c>
      <c r="AO44" s="57">
        <v>3226.6</v>
      </c>
      <c r="AP44" s="49">
        <v>9</v>
      </c>
      <c r="AQ44" s="58">
        <v>37</v>
      </c>
      <c r="AR44" s="54">
        <v>3734.5</v>
      </c>
      <c r="AS44" s="49">
        <v>11</v>
      </c>
      <c r="AT44" s="58">
        <v>39</v>
      </c>
    </row>
    <row r="45" spans="1:46" s="48" customFormat="1" ht="20" customHeight="1" x14ac:dyDescent="0.2">
      <c r="A45" s="38">
        <v>39</v>
      </c>
      <c r="B45" s="39" t="s">
        <v>145</v>
      </c>
      <c r="C45" s="40" t="s">
        <v>146</v>
      </c>
      <c r="D45" s="39" t="s">
        <v>147</v>
      </c>
      <c r="E45" s="38" t="s">
        <v>117</v>
      </c>
      <c r="F45" s="41">
        <v>320.7</v>
      </c>
      <c r="G45" s="41">
        <v>754.3</v>
      </c>
      <c r="H45" s="41">
        <v>703</v>
      </c>
      <c r="I45" s="41">
        <v>315.3</v>
      </c>
      <c r="J45" s="41">
        <v>733.4</v>
      </c>
      <c r="K45" s="41">
        <v>643.29999999999995</v>
      </c>
      <c r="L45" s="41">
        <v>725.8</v>
      </c>
      <c r="M45" s="41">
        <v>958.1</v>
      </c>
      <c r="N45" s="41">
        <v>53.4</v>
      </c>
      <c r="O45" s="41">
        <v>821.3</v>
      </c>
      <c r="P45" s="41">
        <v>953.6</v>
      </c>
      <c r="Q45" s="41">
        <v>52.8</v>
      </c>
      <c r="R45" s="41" t="s">
        <v>20</v>
      </c>
      <c r="S45" s="41" t="s">
        <v>20</v>
      </c>
      <c r="T45" s="41" t="s">
        <v>20</v>
      </c>
      <c r="U45" s="41" t="s">
        <v>20</v>
      </c>
      <c r="V45" s="41" t="s">
        <v>20</v>
      </c>
      <c r="W45" s="41" t="s">
        <v>20</v>
      </c>
      <c r="X45" s="41" t="s">
        <v>20</v>
      </c>
      <c r="Y45" s="41" t="s">
        <v>20</v>
      </c>
      <c r="Z45" s="41" t="s">
        <v>20</v>
      </c>
      <c r="AA45" s="41" t="s">
        <v>20</v>
      </c>
      <c r="AB45" s="41" t="s">
        <v>20</v>
      </c>
      <c r="AC45" s="41" t="s">
        <v>20</v>
      </c>
      <c r="AD45" s="41" t="s">
        <v>20</v>
      </c>
      <c r="AE45" s="41" t="s">
        <v>20</v>
      </c>
      <c r="AF45" s="41" t="s">
        <v>20</v>
      </c>
      <c r="AG45" s="41" t="s">
        <v>20</v>
      </c>
      <c r="AH45" s="41" t="s">
        <v>20</v>
      </c>
      <c r="AI45" s="42" t="s">
        <v>20</v>
      </c>
      <c r="AJ45" s="43">
        <v>11315</v>
      </c>
      <c r="AK45" s="44" t="s">
        <v>20</v>
      </c>
      <c r="AL45" s="43">
        <v>11315</v>
      </c>
      <c r="AM45" s="38">
        <v>11</v>
      </c>
      <c r="AN45" s="45">
        <v>42</v>
      </c>
      <c r="AO45" s="46">
        <v>3550</v>
      </c>
      <c r="AP45" s="38">
        <v>11</v>
      </c>
      <c r="AQ45" s="47">
        <v>50</v>
      </c>
      <c r="AR45" s="43">
        <v>3725.0000000000005</v>
      </c>
      <c r="AS45" s="38">
        <v>10</v>
      </c>
      <c r="AT45" s="47">
        <v>37</v>
      </c>
    </row>
    <row r="46" spans="1:46" s="8" customFormat="1" ht="20" customHeight="1" x14ac:dyDescent="0.2">
      <c r="A46" s="59">
        <v>43</v>
      </c>
      <c r="B46" s="60" t="s">
        <v>148</v>
      </c>
      <c r="C46" s="61" t="s">
        <v>149</v>
      </c>
      <c r="D46" s="60" t="s">
        <v>150</v>
      </c>
      <c r="E46" s="59" t="s">
        <v>117</v>
      </c>
      <c r="F46" s="62">
        <v>327.10000000000002</v>
      </c>
      <c r="G46" s="62">
        <v>833.1</v>
      </c>
      <c r="H46" s="62">
        <v>731.8</v>
      </c>
      <c r="I46" s="62">
        <v>325.10000000000002</v>
      </c>
      <c r="J46" s="62">
        <v>819.8</v>
      </c>
      <c r="K46" s="62">
        <v>727.9</v>
      </c>
      <c r="L46" s="62">
        <v>725.8</v>
      </c>
      <c r="M46" s="62">
        <v>1125.5999999999999</v>
      </c>
      <c r="N46" s="62">
        <v>55.8</v>
      </c>
      <c r="O46" s="62">
        <v>939.5</v>
      </c>
      <c r="P46" s="62">
        <v>1116.3</v>
      </c>
      <c r="Q46" s="62">
        <v>55.2</v>
      </c>
      <c r="R46" s="62" t="s">
        <v>20</v>
      </c>
      <c r="S46" s="62" t="s">
        <v>20</v>
      </c>
      <c r="T46" s="62" t="s">
        <v>20</v>
      </c>
      <c r="U46" s="62" t="s">
        <v>20</v>
      </c>
      <c r="V46" s="62" t="s">
        <v>20</v>
      </c>
      <c r="W46" s="62" t="s">
        <v>20</v>
      </c>
      <c r="X46" s="62" t="s">
        <v>20</v>
      </c>
      <c r="Y46" s="62" t="s">
        <v>20</v>
      </c>
      <c r="Z46" s="62" t="s">
        <v>20</v>
      </c>
      <c r="AA46" s="62" t="s">
        <v>20</v>
      </c>
      <c r="AB46" s="62" t="s">
        <v>20</v>
      </c>
      <c r="AC46" s="62" t="s">
        <v>20</v>
      </c>
      <c r="AD46" s="62" t="s">
        <v>20</v>
      </c>
      <c r="AE46" s="62" t="s">
        <v>20</v>
      </c>
      <c r="AF46" s="62" t="s">
        <v>20</v>
      </c>
      <c r="AG46" s="62" t="s">
        <v>20</v>
      </c>
      <c r="AH46" s="62" t="s">
        <v>20</v>
      </c>
      <c r="AI46" s="63" t="s">
        <v>20</v>
      </c>
      <c r="AJ46" s="64">
        <v>12023</v>
      </c>
      <c r="AK46" s="65" t="s">
        <v>20</v>
      </c>
      <c r="AL46" s="64">
        <v>12023</v>
      </c>
      <c r="AM46" s="59">
        <v>12</v>
      </c>
      <c r="AN46" s="67">
        <v>49</v>
      </c>
      <c r="AO46" s="68">
        <v>3844.7999999999997</v>
      </c>
      <c r="AP46" s="59">
        <v>12</v>
      </c>
      <c r="AQ46" s="69">
        <v>54</v>
      </c>
      <c r="AR46" s="64">
        <v>4138.2</v>
      </c>
      <c r="AS46" s="59">
        <v>12</v>
      </c>
      <c r="AT46" s="69">
        <v>50</v>
      </c>
    </row>
    <row r="47" spans="1:46" s="48" customFormat="1" ht="20" customHeight="1" x14ac:dyDescent="0.2">
      <c r="A47" s="38">
        <v>44</v>
      </c>
      <c r="B47" s="39" t="s">
        <v>151</v>
      </c>
      <c r="C47" s="40" t="s">
        <v>152</v>
      </c>
      <c r="D47" s="39" t="s">
        <v>153</v>
      </c>
      <c r="E47" s="38" t="s">
        <v>154</v>
      </c>
      <c r="F47" s="41">
        <v>254.6</v>
      </c>
      <c r="G47" s="41">
        <v>645.5</v>
      </c>
      <c r="H47" s="41">
        <v>609.9</v>
      </c>
      <c r="I47" s="41">
        <v>249.3</v>
      </c>
      <c r="J47" s="41">
        <v>635.5</v>
      </c>
      <c r="K47" s="41">
        <v>605.4</v>
      </c>
      <c r="L47" s="41">
        <v>725.8</v>
      </c>
      <c r="M47" s="41">
        <v>929.4</v>
      </c>
      <c r="N47" s="41">
        <v>53.1</v>
      </c>
      <c r="O47" s="41">
        <v>757.6</v>
      </c>
      <c r="P47" s="41">
        <v>923.3</v>
      </c>
      <c r="Q47" s="41">
        <v>52.6</v>
      </c>
      <c r="R47" s="41" t="s">
        <v>20</v>
      </c>
      <c r="S47" s="41" t="s">
        <v>20</v>
      </c>
      <c r="T47" s="41" t="s">
        <v>20</v>
      </c>
      <c r="U47" s="41" t="s">
        <v>20</v>
      </c>
      <c r="V47" s="41" t="s">
        <v>20</v>
      </c>
      <c r="W47" s="41" t="s">
        <v>20</v>
      </c>
      <c r="X47" s="41" t="s">
        <v>20</v>
      </c>
      <c r="Y47" s="41" t="s">
        <v>20</v>
      </c>
      <c r="Z47" s="41" t="s">
        <v>20</v>
      </c>
      <c r="AA47" s="41" t="s">
        <v>20</v>
      </c>
      <c r="AB47" s="41" t="s">
        <v>20</v>
      </c>
      <c r="AC47" s="41" t="s">
        <v>20</v>
      </c>
      <c r="AD47" s="41" t="s">
        <v>20</v>
      </c>
      <c r="AE47" s="41" t="s">
        <v>20</v>
      </c>
      <c r="AF47" s="41" t="s">
        <v>20</v>
      </c>
      <c r="AG47" s="41" t="s">
        <v>20</v>
      </c>
      <c r="AH47" s="41" t="s">
        <v>20</v>
      </c>
      <c r="AI47" s="42" t="s">
        <v>20</v>
      </c>
      <c r="AJ47" s="43">
        <v>10722</v>
      </c>
      <c r="AK47" s="44" t="s">
        <v>20</v>
      </c>
      <c r="AL47" s="43">
        <v>10722</v>
      </c>
      <c r="AM47" s="38">
        <v>1</v>
      </c>
      <c r="AN47" s="45">
        <v>26</v>
      </c>
      <c r="AO47" s="46">
        <v>3120.2</v>
      </c>
      <c r="AP47" s="38">
        <v>1</v>
      </c>
      <c r="AQ47" s="47">
        <v>28</v>
      </c>
      <c r="AR47" s="43">
        <v>3601.7999999999997</v>
      </c>
      <c r="AS47" s="38">
        <v>1</v>
      </c>
      <c r="AT47" s="47">
        <v>31</v>
      </c>
    </row>
    <row r="48" spans="1:46" ht="20" customHeight="1" x14ac:dyDescent="0.2">
      <c r="A48" s="49">
        <v>45</v>
      </c>
      <c r="B48" s="50" t="s">
        <v>155</v>
      </c>
      <c r="C48" s="51" t="s">
        <v>156</v>
      </c>
      <c r="D48" s="50" t="s">
        <v>157</v>
      </c>
      <c r="E48" s="49" t="s">
        <v>154</v>
      </c>
      <c r="F48" s="52">
        <v>257.2</v>
      </c>
      <c r="G48" s="52">
        <v>652.29999999999995</v>
      </c>
      <c r="H48" s="52">
        <v>623.4</v>
      </c>
      <c r="I48" s="52">
        <v>256.5</v>
      </c>
      <c r="J48" s="52">
        <v>657.1</v>
      </c>
      <c r="K48" s="52">
        <v>617.70000000000005</v>
      </c>
      <c r="L48" s="52">
        <v>725.8</v>
      </c>
      <c r="M48" s="52">
        <v>944.9</v>
      </c>
      <c r="N48" s="52">
        <v>52.4</v>
      </c>
      <c r="O48" s="52">
        <v>810</v>
      </c>
      <c r="P48" s="52">
        <v>935.2</v>
      </c>
      <c r="Q48" s="52">
        <v>52.9</v>
      </c>
      <c r="R48" s="52" t="s">
        <v>20</v>
      </c>
      <c r="S48" s="52" t="s">
        <v>20</v>
      </c>
      <c r="T48" s="52" t="s">
        <v>20</v>
      </c>
      <c r="U48" s="52" t="s">
        <v>20</v>
      </c>
      <c r="V48" s="52" t="s">
        <v>20</v>
      </c>
      <c r="W48" s="52" t="s">
        <v>20</v>
      </c>
      <c r="X48" s="52" t="s">
        <v>20</v>
      </c>
      <c r="Y48" s="52" t="s">
        <v>20</v>
      </c>
      <c r="Z48" s="52" t="s">
        <v>20</v>
      </c>
      <c r="AA48" s="52" t="s">
        <v>20</v>
      </c>
      <c r="AB48" s="52" t="s">
        <v>20</v>
      </c>
      <c r="AC48" s="52" t="s">
        <v>20</v>
      </c>
      <c r="AD48" s="52" t="s">
        <v>20</v>
      </c>
      <c r="AE48" s="52" t="s">
        <v>20</v>
      </c>
      <c r="AF48" s="52" t="s">
        <v>20</v>
      </c>
      <c r="AG48" s="52" t="s">
        <v>20</v>
      </c>
      <c r="AH48" s="52" t="s">
        <v>20</v>
      </c>
      <c r="AI48" s="53" t="s">
        <v>20</v>
      </c>
      <c r="AJ48" s="54">
        <v>10905.4</v>
      </c>
      <c r="AK48" s="55" t="s">
        <v>20</v>
      </c>
      <c r="AL48" s="54">
        <v>10905.4</v>
      </c>
      <c r="AM48" s="49">
        <v>2</v>
      </c>
      <c r="AN48" s="56">
        <v>35</v>
      </c>
      <c r="AO48" s="57">
        <v>3224.2</v>
      </c>
      <c r="AP48" s="49">
        <v>2</v>
      </c>
      <c r="AQ48" s="58">
        <v>35</v>
      </c>
      <c r="AR48" s="54">
        <v>3641.2000000000003</v>
      </c>
      <c r="AS48" s="49">
        <v>2</v>
      </c>
      <c r="AT48" s="58">
        <v>36</v>
      </c>
    </row>
    <row r="49" spans="1:46" s="48" customFormat="1" ht="20" customHeight="1" x14ac:dyDescent="0.2">
      <c r="A49" s="38">
        <v>46</v>
      </c>
      <c r="B49" s="39" t="s">
        <v>158</v>
      </c>
      <c r="C49" s="40" t="s">
        <v>159</v>
      </c>
      <c r="D49" s="39" t="s">
        <v>160</v>
      </c>
      <c r="E49" s="38" t="s">
        <v>154</v>
      </c>
      <c r="F49" s="41">
        <v>256.89999999999998</v>
      </c>
      <c r="G49" s="41">
        <v>659.2</v>
      </c>
      <c r="H49" s="41">
        <v>640</v>
      </c>
      <c r="I49" s="41">
        <v>254.7</v>
      </c>
      <c r="J49" s="41">
        <v>652.5</v>
      </c>
      <c r="K49" s="41">
        <v>623.20000000000005</v>
      </c>
      <c r="L49" s="41">
        <v>725.8</v>
      </c>
      <c r="M49" s="41">
        <v>1004.3</v>
      </c>
      <c r="N49" s="41">
        <v>58.2</v>
      </c>
      <c r="O49" s="41">
        <v>818.3</v>
      </c>
      <c r="P49" s="41">
        <v>949.1</v>
      </c>
      <c r="Q49" s="41">
        <v>51</v>
      </c>
      <c r="R49" s="41" t="s">
        <v>20</v>
      </c>
      <c r="S49" s="41" t="s">
        <v>20</v>
      </c>
      <c r="T49" s="41" t="s">
        <v>20</v>
      </c>
      <c r="U49" s="41" t="s">
        <v>20</v>
      </c>
      <c r="V49" s="41" t="s">
        <v>20</v>
      </c>
      <c r="W49" s="41" t="s">
        <v>20</v>
      </c>
      <c r="X49" s="41" t="s">
        <v>20</v>
      </c>
      <c r="Y49" s="41" t="s">
        <v>20</v>
      </c>
      <c r="Z49" s="41" t="s">
        <v>20</v>
      </c>
      <c r="AA49" s="41" t="s">
        <v>20</v>
      </c>
      <c r="AB49" s="41" t="s">
        <v>20</v>
      </c>
      <c r="AC49" s="41" t="s">
        <v>20</v>
      </c>
      <c r="AD49" s="41" t="s">
        <v>20</v>
      </c>
      <c r="AE49" s="41" t="s">
        <v>20</v>
      </c>
      <c r="AF49" s="41" t="s">
        <v>20</v>
      </c>
      <c r="AG49" s="41" t="s">
        <v>20</v>
      </c>
      <c r="AH49" s="41" t="s">
        <v>20</v>
      </c>
      <c r="AI49" s="42" t="s">
        <v>20</v>
      </c>
      <c r="AJ49" s="43">
        <v>11013.2</v>
      </c>
      <c r="AK49" s="44" t="s">
        <v>20</v>
      </c>
      <c r="AL49" s="43">
        <v>11013.2</v>
      </c>
      <c r="AM49" s="38">
        <v>3</v>
      </c>
      <c r="AN49" s="45">
        <v>37</v>
      </c>
      <c r="AO49" s="46">
        <v>3246.5</v>
      </c>
      <c r="AP49" s="38">
        <v>3</v>
      </c>
      <c r="AQ49" s="47">
        <v>39</v>
      </c>
      <c r="AR49" s="43">
        <v>3726.7</v>
      </c>
      <c r="AS49" s="38">
        <v>3</v>
      </c>
      <c r="AT49" s="47">
        <v>38</v>
      </c>
    </row>
    <row r="50" spans="1:46" ht="20" customHeight="1" x14ac:dyDescent="0.2">
      <c r="A50" s="49">
        <v>48</v>
      </c>
      <c r="B50" s="50" t="s">
        <v>161</v>
      </c>
      <c r="C50" s="51" t="s">
        <v>162</v>
      </c>
      <c r="D50" s="50" t="s">
        <v>163</v>
      </c>
      <c r="E50" s="49" t="s">
        <v>154</v>
      </c>
      <c r="F50" s="52">
        <v>306.5</v>
      </c>
      <c r="G50" s="52">
        <v>711.4</v>
      </c>
      <c r="H50" s="52">
        <v>645.20000000000005</v>
      </c>
      <c r="I50" s="52">
        <v>306.2</v>
      </c>
      <c r="J50" s="52">
        <v>720.1</v>
      </c>
      <c r="K50" s="52">
        <v>643.9</v>
      </c>
      <c r="L50" s="52">
        <v>725.8</v>
      </c>
      <c r="M50" s="52">
        <v>1018.4</v>
      </c>
      <c r="N50" s="52">
        <v>54.5</v>
      </c>
      <c r="O50" s="52">
        <v>814.2</v>
      </c>
      <c r="P50" s="52">
        <v>953.7</v>
      </c>
      <c r="Q50" s="52">
        <v>54.8</v>
      </c>
      <c r="R50" s="52" t="s">
        <v>20</v>
      </c>
      <c r="S50" s="52" t="s">
        <v>20</v>
      </c>
      <c r="T50" s="52" t="s">
        <v>20</v>
      </c>
      <c r="U50" s="52" t="s">
        <v>20</v>
      </c>
      <c r="V50" s="52" t="s">
        <v>20</v>
      </c>
      <c r="W50" s="52" t="s">
        <v>20</v>
      </c>
      <c r="X50" s="52" t="s">
        <v>20</v>
      </c>
      <c r="Y50" s="52" t="s">
        <v>20</v>
      </c>
      <c r="Z50" s="52" t="s">
        <v>20</v>
      </c>
      <c r="AA50" s="52" t="s">
        <v>20</v>
      </c>
      <c r="AB50" s="52" t="s">
        <v>20</v>
      </c>
      <c r="AC50" s="52" t="s">
        <v>20</v>
      </c>
      <c r="AD50" s="52" t="s">
        <v>20</v>
      </c>
      <c r="AE50" s="52" t="s">
        <v>20</v>
      </c>
      <c r="AF50" s="52" t="s">
        <v>20</v>
      </c>
      <c r="AG50" s="52" t="s">
        <v>20</v>
      </c>
      <c r="AH50" s="52" t="s">
        <v>20</v>
      </c>
      <c r="AI50" s="53" t="s">
        <v>20</v>
      </c>
      <c r="AJ50" s="54">
        <v>11154.7</v>
      </c>
      <c r="AK50" s="55" t="s">
        <v>20</v>
      </c>
      <c r="AL50" s="54">
        <v>11154.7</v>
      </c>
      <c r="AM50" s="49">
        <v>4</v>
      </c>
      <c r="AN50" s="56">
        <v>39</v>
      </c>
      <c r="AO50" s="57">
        <v>3413.3</v>
      </c>
      <c r="AP50" s="49">
        <v>5</v>
      </c>
      <c r="AQ50" s="58">
        <v>45</v>
      </c>
      <c r="AR50" s="54">
        <v>3741.4</v>
      </c>
      <c r="AS50" s="49">
        <v>4</v>
      </c>
      <c r="AT50" s="58">
        <v>40</v>
      </c>
    </row>
    <row r="51" spans="1:46" s="48" customFormat="1" ht="20" customHeight="1" x14ac:dyDescent="0.2">
      <c r="A51" s="38">
        <v>47</v>
      </c>
      <c r="B51" s="39" t="s">
        <v>164</v>
      </c>
      <c r="C51" s="40" t="s">
        <v>165</v>
      </c>
      <c r="D51" s="39" t="s">
        <v>166</v>
      </c>
      <c r="E51" s="38" t="s">
        <v>154</v>
      </c>
      <c r="F51" s="41">
        <v>301.3</v>
      </c>
      <c r="G51" s="41">
        <v>721.2</v>
      </c>
      <c r="H51" s="41">
        <v>644.5</v>
      </c>
      <c r="I51" s="41">
        <v>303.5</v>
      </c>
      <c r="J51" s="41">
        <v>721.2</v>
      </c>
      <c r="K51" s="41">
        <v>637.1</v>
      </c>
      <c r="L51" s="41">
        <v>725.8</v>
      </c>
      <c r="M51" s="41">
        <v>1006.4</v>
      </c>
      <c r="N51" s="41">
        <v>52.2</v>
      </c>
      <c r="O51" s="41">
        <v>848.3</v>
      </c>
      <c r="P51" s="41">
        <v>1010</v>
      </c>
      <c r="Q51" s="41">
        <v>53.4</v>
      </c>
      <c r="R51" s="41" t="s">
        <v>20</v>
      </c>
      <c r="S51" s="41" t="s">
        <v>20</v>
      </c>
      <c r="T51" s="41" t="s">
        <v>20</v>
      </c>
      <c r="U51" s="41" t="s">
        <v>20</v>
      </c>
      <c r="V51" s="41" t="s">
        <v>20</v>
      </c>
      <c r="W51" s="41" t="s">
        <v>20</v>
      </c>
      <c r="X51" s="41" t="s">
        <v>20</v>
      </c>
      <c r="Y51" s="41" t="s">
        <v>20</v>
      </c>
      <c r="Z51" s="41" t="s">
        <v>20</v>
      </c>
      <c r="AA51" s="41" t="s">
        <v>20</v>
      </c>
      <c r="AB51" s="41" t="s">
        <v>20</v>
      </c>
      <c r="AC51" s="41" t="s">
        <v>20</v>
      </c>
      <c r="AD51" s="41" t="s">
        <v>20</v>
      </c>
      <c r="AE51" s="41" t="s">
        <v>20</v>
      </c>
      <c r="AF51" s="41" t="s">
        <v>20</v>
      </c>
      <c r="AG51" s="41" t="s">
        <v>20</v>
      </c>
      <c r="AH51" s="41" t="s">
        <v>20</v>
      </c>
      <c r="AI51" s="42" t="s">
        <v>20</v>
      </c>
      <c r="AJ51" s="43">
        <v>11224.9</v>
      </c>
      <c r="AK51" s="44">
        <v>10</v>
      </c>
      <c r="AL51" s="43">
        <v>11234.9</v>
      </c>
      <c r="AM51" s="38">
        <v>5</v>
      </c>
      <c r="AN51" s="45">
        <v>41</v>
      </c>
      <c r="AO51" s="46">
        <v>3408.8</v>
      </c>
      <c r="AP51" s="38">
        <v>4</v>
      </c>
      <c r="AQ51" s="47">
        <v>44</v>
      </c>
      <c r="AR51" s="43">
        <v>3826.1</v>
      </c>
      <c r="AS51" s="38">
        <v>5</v>
      </c>
      <c r="AT51" s="47">
        <v>42</v>
      </c>
    </row>
    <row r="52" spans="1:46" ht="20" customHeight="1" x14ac:dyDescent="0.2">
      <c r="A52" s="49">
        <v>50</v>
      </c>
      <c r="B52" s="50" t="s">
        <v>167</v>
      </c>
      <c r="C52" s="51" t="s">
        <v>168</v>
      </c>
      <c r="D52" s="50" t="s">
        <v>169</v>
      </c>
      <c r="E52" s="49" t="s">
        <v>154</v>
      </c>
      <c r="F52" s="52">
        <v>318.3</v>
      </c>
      <c r="G52" s="52">
        <v>755.8</v>
      </c>
      <c r="H52" s="52">
        <v>702.7</v>
      </c>
      <c r="I52" s="52">
        <v>312.3</v>
      </c>
      <c r="J52" s="52">
        <v>751</v>
      </c>
      <c r="K52" s="52">
        <v>652.79999999999995</v>
      </c>
      <c r="L52" s="52">
        <v>725.8</v>
      </c>
      <c r="M52" s="52">
        <v>1024.0999999999999</v>
      </c>
      <c r="N52" s="52">
        <v>53.7</v>
      </c>
      <c r="O52" s="52">
        <v>905</v>
      </c>
      <c r="P52" s="52">
        <v>1022.8</v>
      </c>
      <c r="Q52" s="52">
        <v>55</v>
      </c>
      <c r="R52" s="52" t="s">
        <v>20</v>
      </c>
      <c r="S52" s="52" t="s">
        <v>20</v>
      </c>
      <c r="T52" s="52" t="s">
        <v>20</v>
      </c>
      <c r="U52" s="52" t="s">
        <v>20</v>
      </c>
      <c r="V52" s="52" t="s">
        <v>20</v>
      </c>
      <c r="W52" s="52" t="s">
        <v>20</v>
      </c>
      <c r="X52" s="52" t="s">
        <v>20</v>
      </c>
      <c r="Y52" s="52" t="s">
        <v>20</v>
      </c>
      <c r="Z52" s="52" t="s">
        <v>20</v>
      </c>
      <c r="AA52" s="52" t="s">
        <v>20</v>
      </c>
      <c r="AB52" s="52" t="s">
        <v>20</v>
      </c>
      <c r="AC52" s="52" t="s">
        <v>20</v>
      </c>
      <c r="AD52" s="52" t="s">
        <v>20</v>
      </c>
      <c r="AE52" s="52" t="s">
        <v>20</v>
      </c>
      <c r="AF52" s="52" t="s">
        <v>20</v>
      </c>
      <c r="AG52" s="52" t="s">
        <v>20</v>
      </c>
      <c r="AH52" s="52" t="s">
        <v>20</v>
      </c>
      <c r="AI52" s="53" t="s">
        <v>20</v>
      </c>
      <c r="AJ52" s="54">
        <v>11519.3</v>
      </c>
      <c r="AK52" s="55" t="s">
        <v>20</v>
      </c>
      <c r="AL52" s="54">
        <v>11519.3</v>
      </c>
      <c r="AM52" s="49">
        <v>6</v>
      </c>
      <c r="AN52" s="56">
        <v>44</v>
      </c>
      <c r="AO52" s="57">
        <v>3612.8999999999996</v>
      </c>
      <c r="AP52" s="49">
        <v>8</v>
      </c>
      <c r="AQ52" s="58">
        <v>52</v>
      </c>
      <c r="AR52" s="54">
        <v>3906.3999999999996</v>
      </c>
      <c r="AS52" s="49">
        <v>6</v>
      </c>
      <c r="AT52" s="58">
        <v>44</v>
      </c>
    </row>
    <row r="53" spans="1:46" s="48" customFormat="1" ht="20" customHeight="1" x14ac:dyDescent="0.2">
      <c r="A53" s="38">
        <v>51</v>
      </c>
      <c r="B53" s="39" t="s">
        <v>170</v>
      </c>
      <c r="C53" s="40" t="s">
        <v>171</v>
      </c>
      <c r="D53" s="39" t="s">
        <v>172</v>
      </c>
      <c r="E53" s="38" t="s">
        <v>154</v>
      </c>
      <c r="F53" s="41">
        <v>315.2</v>
      </c>
      <c r="G53" s="41">
        <v>736.9</v>
      </c>
      <c r="H53" s="41">
        <v>717.2</v>
      </c>
      <c r="I53" s="41">
        <v>314.39999999999998</v>
      </c>
      <c r="J53" s="41">
        <v>743.2</v>
      </c>
      <c r="K53" s="41">
        <v>700.1</v>
      </c>
      <c r="L53" s="41">
        <v>725.8</v>
      </c>
      <c r="M53" s="41">
        <v>1046</v>
      </c>
      <c r="N53" s="41">
        <v>54</v>
      </c>
      <c r="O53" s="41">
        <v>903.7</v>
      </c>
      <c r="P53" s="41">
        <v>1033.8</v>
      </c>
      <c r="Q53" s="41">
        <v>54.5</v>
      </c>
      <c r="R53" s="41" t="s">
        <v>20</v>
      </c>
      <c r="S53" s="41" t="s">
        <v>20</v>
      </c>
      <c r="T53" s="41" t="s">
        <v>20</v>
      </c>
      <c r="U53" s="41" t="s">
        <v>20</v>
      </c>
      <c r="V53" s="41" t="s">
        <v>20</v>
      </c>
      <c r="W53" s="41" t="s">
        <v>20</v>
      </c>
      <c r="X53" s="41" t="s">
        <v>20</v>
      </c>
      <c r="Y53" s="41" t="s">
        <v>20</v>
      </c>
      <c r="Z53" s="41" t="s">
        <v>20</v>
      </c>
      <c r="AA53" s="41" t="s">
        <v>20</v>
      </c>
      <c r="AB53" s="41" t="s">
        <v>20</v>
      </c>
      <c r="AC53" s="41" t="s">
        <v>20</v>
      </c>
      <c r="AD53" s="41" t="s">
        <v>20</v>
      </c>
      <c r="AE53" s="41" t="s">
        <v>20</v>
      </c>
      <c r="AF53" s="41" t="s">
        <v>20</v>
      </c>
      <c r="AG53" s="41" t="s">
        <v>20</v>
      </c>
      <c r="AH53" s="41" t="s">
        <v>20</v>
      </c>
      <c r="AI53" s="42" t="s">
        <v>20</v>
      </c>
      <c r="AJ53" s="43">
        <v>11544.8</v>
      </c>
      <c r="AK53" s="44" t="s">
        <v>20</v>
      </c>
      <c r="AL53" s="43">
        <v>11544.8</v>
      </c>
      <c r="AM53" s="38">
        <v>7</v>
      </c>
      <c r="AN53" s="45">
        <v>46</v>
      </c>
      <c r="AO53" s="46">
        <v>3607</v>
      </c>
      <c r="AP53" s="38">
        <v>7</v>
      </c>
      <c r="AQ53" s="47">
        <v>51</v>
      </c>
      <c r="AR53" s="43">
        <v>3937.8</v>
      </c>
      <c r="AS53" s="38">
        <v>7</v>
      </c>
      <c r="AT53" s="47">
        <v>45</v>
      </c>
    </row>
    <row r="54" spans="1:46" s="8" customFormat="1" ht="20" customHeight="1" x14ac:dyDescent="0.2">
      <c r="A54" s="59">
        <v>49</v>
      </c>
      <c r="B54" s="60" t="s">
        <v>173</v>
      </c>
      <c r="C54" s="61" t="s">
        <v>174</v>
      </c>
      <c r="D54" s="60" t="s">
        <v>175</v>
      </c>
      <c r="E54" s="59" t="s">
        <v>154</v>
      </c>
      <c r="F54" s="62">
        <v>312.10000000000002</v>
      </c>
      <c r="G54" s="62">
        <v>723.9</v>
      </c>
      <c r="H54" s="62">
        <v>644.1</v>
      </c>
      <c r="I54" s="62">
        <v>311.39999999999998</v>
      </c>
      <c r="J54" s="62">
        <v>724.4</v>
      </c>
      <c r="K54" s="62">
        <v>640.6</v>
      </c>
      <c r="L54" s="62">
        <v>725.8</v>
      </c>
      <c r="M54" s="62">
        <v>1023.9</v>
      </c>
      <c r="N54" s="62">
        <v>54.4</v>
      </c>
      <c r="O54" s="62" t="s">
        <v>20</v>
      </c>
      <c r="P54" s="62" t="s">
        <v>20</v>
      </c>
      <c r="Q54" s="62" t="s">
        <v>20</v>
      </c>
      <c r="R54" s="62" t="s">
        <v>20</v>
      </c>
      <c r="S54" s="62" t="s">
        <v>20</v>
      </c>
      <c r="T54" s="62" t="s">
        <v>20</v>
      </c>
      <c r="U54" s="62" t="s">
        <v>20</v>
      </c>
      <c r="V54" s="62" t="s">
        <v>20</v>
      </c>
      <c r="W54" s="62" t="s">
        <v>20</v>
      </c>
      <c r="X54" s="62" t="s">
        <v>20</v>
      </c>
      <c r="Y54" s="62" t="s">
        <v>20</v>
      </c>
      <c r="Z54" s="62" t="s">
        <v>20</v>
      </c>
      <c r="AA54" s="62" t="s">
        <v>20</v>
      </c>
      <c r="AB54" s="62" t="s">
        <v>20</v>
      </c>
      <c r="AC54" s="62" t="s">
        <v>20</v>
      </c>
      <c r="AD54" s="62" t="s">
        <v>20</v>
      </c>
      <c r="AE54" s="62" t="s">
        <v>20</v>
      </c>
      <c r="AF54" s="62" t="s">
        <v>20</v>
      </c>
      <c r="AG54" s="62" t="s">
        <v>20</v>
      </c>
      <c r="AH54" s="62" t="s">
        <v>20</v>
      </c>
      <c r="AI54" s="63" t="s">
        <v>20</v>
      </c>
      <c r="AJ54" s="64" t="s">
        <v>20</v>
      </c>
      <c r="AK54" s="65" t="s">
        <v>20</v>
      </c>
      <c r="AL54" s="66" t="s">
        <v>51</v>
      </c>
      <c r="AM54" s="59"/>
      <c r="AN54" s="67" t="s">
        <v>20</v>
      </c>
      <c r="AO54" s="68">
        <v>3436.5</v>
      </c>
      <c r="AP54" s="59">
        <v>6</v>
      </c>
      <c r="AQ54" s="69">
        <v>46</v>
      </c>
      <c r="AR54" s="64" t="s">
        <v>20</v>
      </c>
      <c r="AS54" s="59" t="s">
        <v>20</v>
      </c>
      <c r="AT54" s="69" t="s">
        <v>20</v>
      </c>
    </row>
    <row r="55" spans="1:46" s="48" customFormat="1" ht="20" customHeight="1" x14ac:dyDescent="0.2">
      <c r="A55" s="38">
        <v>52</v>
      </c>
      <c r="B55" s="39" t="s">
        <v>176</v>
      </c>
      <c r="C55" s="40" t="s">
        <v>177</v>
      </c>
      <c r="D55" s="39" t="s">
        <v>178</v>
      </c>
      <c r="E55" s="38" t="s">
        <v>179</v>
      </c>
      <c r="F55" s="41">
        <v>254.6</v>
      </c>
      <c r="G55" s="41">
        <v>658.9</v>
      </c>
      <c r="H55" s="41">
        <v>624.70000000000005</v>
      </c>
      <c r="I55" s="41">
        <v>251.5</v>
      </c>
      <c r="J55" s="41">
        <v>658.9</v>
      </c>
      <c r="K55" s="41">
        <v>616.1</v>
      </c>
      <c r="L55" s="41">
        <v>725.8</v>
      </c>
      <c r="M55" s="41">
        <v>937.1</v>
      </c>
      <c r="N55" s="41">
        <v>50.1</v>
      </c>
      <c r="O55" s="41">
        <v>806.5</v>
      </c>
      <c r="P55" s="41">
        <v>936.3</v>
      </c>
      <c r="Q55" s="41">
        <v>50.6</v>
      </c>
      <c r="R55" s="41" t="s">
        <v>20</v>
      </c>
      <c r="S55" s="41" t="s">
        <v>20</v>
      </c>
      <c r="T55" s="41" t="s">
        <v>20</v>
      </c>
      <c r="U55" s="41" t="s">
        <v>20</v>
      </c>
      <c r="V55" s="41" t="s">
        <v>20</v>
      </c>
      <c r="W55" s="41" t="s">
        <v>20</v>
      </c>
      <c r="X55" s="41" t="s">
        <v>20</v>
      </c>
      <c r="Y55" s="41" t="s">
        <v>20</v>
      </c>
      <c r="Z55" s="41" t="s">
        <v>20</v>
      </c>
      <c r="AA55" s="41" t="s">
        <v>20</v>
      </c>
      <c r="AB55" s="41" t="s">
        <v>20</v>
      </c>
      <c r="AC55" s="41" t="s">
        <v>20</v>
      </c>
      <c r="AD55" s="41" t="s">
        <v>20</v>
      </c>
      <c r="AE55" s="41" t="s">
        <v>20</v>
      </c>
      <c r="AF55" s="41" t="s">
        <v>20</v>
      </c>
      <c r="AG55" s="41" t="s">
        <v>20</v>
      </c>
      <c r="AH55" s="41" t="s">
        <v>20</v>
      </c>
      <c r="AI55" s="42" t="s">
        <v>20</v>
      </c>
      <c r="AJ55" s="43">
        <v>10851.1</v>
      </c>
      <c r="AK55" s="44" t="s">
        <v>20</v>
      </c>
      <c r="AL55" s="43">
        <v>10851.1</v>
      </c>
      <c r="AM55" s="38">
        <v>1</v>
      </c>
      <c r="AN55" s="45">
        <v>32</v>
      </c>
      <c r="AO55" s="46">
        <v>3224.7</v>
      </c>
      <c r="AP55" s="38">
        <v>1</v>
      </c>
      <c r="AQ55" s="47">
        <v>36</v>
      </c>
      <c r="AR55" s="43">
        <v>3626.4</v>
      </c>
      <c r="AS55" s="38">
        <v>1</v>
      </c>
      <c r="AT55" s="47">
        <v>34</v>
      </c>
    </row>
    <row r="56" spans="1:46" ht="20" customHeight="1" x14ac:dyDescent="0.2">
      <c r="A56" s="49">
        <v>54</v>
      </c>
      <c r="B56" s="50" t="s">
        <v>180</v>
      </c>
      <c r="C56" s="51" t="s">
        <v>181</v>
      </c>
      <c r="D56" s="50" t="s">
        <v>182</v>
      </c>
      <c r="E56" s="49" t="s">
        <v>179</v>
      </c>
      <c r="F56" s="52">
        <v>256.39999999999998</v>
      </c>
      <c r="G56" s="52">
        <v>724.6</v>
      </c>
      <c r="H56" s="52">
        <v>623.6</v>
      </c>
      <c r="I56" s="52">
        <v>256.89999999999998</v>
      </c>
      <c r="J56" s="52">
        <v>719.8</v>
      </c>
      <c r="K56" s="52">
        <v>624</v>
      </c>
      <c r="L56" s="52">
        <v>725.8</v>
      </c>
      <c r="M56" s="52">
        <v>1006.3</v>
      </c>
      <c r="N56" s="52">
        <v>52.3</v>
      </c>
      <c r="O56" s="52">
        <v>844.3</v>
      </c>
      <c r="P56" s="52">
        <v>959.3</v>
      </c>
      <c r="Q56" s="52">
        <v>53</v>
      </c>
      <c r="R56" s="52" t="s">
        <v>20</v>
      </c>
      <c r="S56" s="52" t="s">
        <v>20</v>
      </c>
      <c r="T56" s="52" t="s">
        <v>20</v>
      </c>
      <c r="U56" s="52" t="s">
        <v>20</v>
      </c>
      <c r="V56" s="52" t="s">
        <v>20</v>
      </c>
      <c r="W56" s="52" t="s">
        <v>20</v>
      </c>
      <c r="X56" s="52" t="s">
        <v>20</v>
      </c>
      <c r="Y56" s="52" t="s">
        <v>20</v>
      </c>
      <c r="Z56" s="52" t="s">
        <v>20</v>
      </c>
      <c r="AA56" s="52" t="s">
        <v>20</v>
      </c>
      <c r="AB56" s="52" t="s">
        <v>20</v>
      </c>
      <c r="AC56" s="52" t="s">
        <v>20</v>
      </c>
      <c r="AD56" s="52" t="s">
        <v>20</v>
      </c>
      <c r="AE56" s="52" t="s">
        <v>20</v>
      </c>
      <c r="AF56" s="52" t="s">
        <v>20</v>
      </c>
      <c r="AG56" s="52" t="s">
        <v>20</v>
      </c>
      <c r="AH56" s="52" t="s">
        <v>20</v>
      </c>
      <c r="AI56" s="53" t="s">
        <v>20</v>
      </c>
      <c r="AJ56" s="54">
        <v>11126.3</v>
      </c>
      <c r="AK56" s="55">
        <v>40</v>
      </c>
      <c r="AL56" s="54">
        <v>11206.3</v>
      </c>
      <c r="AM56" s="49">
        <v>2</v>
      </c>
      <c r="AN56" s="56">
        <v>40</v>
      </c>
      <c r="AO56" s="57">
        <v>3325.3</v>
      </c>
      <c r="AP56" s="49">
        <v>2</v>
      </c>
      <c r="AQ56" s="58">
        <v>41</v>
      </c>
      <c r="AR56" s="54">
        <v>3841</v>
      </c>
      <c r="AS56" s="49">
        <v>2</v>
      </c>
      <c r="AT56" s="58">
        <v>43</v>
      </c>
    </row>
    <row r="57" spans="1:46" s="48" customFormat="1" ht="20" customHeight="1" x14ac:dyDescent="0.2">
      <c r="A57" s="38">
        <v>53</v>
      </c>
      <c r="B57" s="39" t="s">
        <v>183</v>
      </c>
      <c r="C57" s="40" t="s">
        <v>184</v>
      </c>
      <c r="D57" s="39" t="s">
        <v>185</v>
      </c>
      <c r="E57" s="38" t="s">
        <v>179</v>
      </c>
      <c r="F57" s="41">
        <v>315.7</v>
      </c>
      <c r="G57" s="41">
        <v>722.7</v>
      </c>
      <c r="H57" s="41">
        <v>657.6</v>
      </c>
      <c r="I57" s="41">
        <v>312.3</v>
      </c>
      <c r="J57" s="41">
        <v>730.2</v>
      </c>
      <c r="K57" s="41">
        <v>645.29999999999995</v>
      </c>
      <c r="L57" s="41">
        <v>725.8</v>
      </c>
      <c r="M57" s="41">
        <v>1101.3</v>
      </c>
      <c r="N57" s="41">
        <v>56</v>
      </c>
      <c r="O57" s="41">
        <v>858.4</v>
      </c>
      <c r="P57" s="41">
        <v>1050.8</v>
      </c>
      <c r="Q57" s="41">
        <v>54.5</v>
      </c>
      <c r="R57" s="41" t="s">
        <v>20</v>
      </c>
      <c r="S57" s="41" t="s">
        <v>20</v>
      </c>
      <c r="T57" s="41" t="s">
        <v>20</v>
      </c>
      <c r="U57" s="41" t="s">
        <v>20</v>
      </c>
      <c r="V57" s="41" t="s">
        <v>20</v>
      </c>
      <c r="W57" s="41" t="s">
        <v>20</v>
      </c>
      <c r="X57" s="41" t="s">
        <v>20</v>
      </c>
      <c r="Y57" s="41" t="s">
        <v>20</v>
      </c>
      <c r="Z57" s="41" t="s">
        <v>20</v>
      </c>
      <c r="AA57" s="41" t="s">
        <v>20</v>
      </c>
      <c r="AB57" s="41" t="s">
        <v>20</v>
      </c>
      <c r="AC57" s="41" t="s">
        <v>20</v>
      </c>
      <c r="AD57" s="41" t="s">
        <v>20</v>
      </c>
      <c r="AE57" s="41" t="s">
        <v>20</v>
      </c>
      <c r="AF57" s="41" t="s">
        <v>20</v>
      </c>
      <c r="AG57" s="41" t="s">
        <v>20</v>
      </c>
      <c r="AH57" s="41" t="s">
        <v>20</v>
      </c>
      <c r="AI57" s="42" t="s">
        <v>20</v>
      </c>
      <c r="AJ57" s="43">
        <v>11510.6</v>
      </c>
      <c r="AK57" s="44" t="s">
        <v>20</v>
      </c>
      <c r="AL57" s="43">
        <v>11510.6</v>
      </c>
      <c r="AM57" s="38">
        <v>3</v>
      </c>
      <c r="AN57" s="45">
        <v>43</v>
      </c>
      <c r="AO57" s="46">
        <v>3503.8</v>
      </c>
      <c r="AP57" s="38">
        <v>3</v>
      </c>
      <c r="AQ57" s="47">
        <v>47</v>
      </c>
      <c r="AR57" s="43">
        <v>4006.8</v>
      </c>
      <c r="AS57" s="38">
        <v>4</v>
      </c>
      <c r="AT57" s="47">
        <v>47</v>
      </c>
    </row>
    <row r="58" spans="1:46" ht="20" customHeight="1" x14ac:dyDescent="0.2">
      <c r="A58" s="49">
        <v>56</v>
      </c>
      <c r="B58" s="50" t="s">
        <v>186</v>
      </c>
      <c r="C58" s="51" t="s">
        <v>187</v>
      </c>
      <c r="D58" s="50" t="s">
        <v>188</v>
      </c>
      <c r="E58" s="49" t="s">
        <v>179</v>
      </c>
      <c r="F58" s="52">
        <v>315.3</v>
      </c>
      <c r="G58" s="52">
        <v>759.7</v>
      </c>
      <c r="H58" s="52">
        <v>651.1</v>
      </c>
      <c r="I58" s="52">
        <v>306.10000000000002</v>
      </c>
      <c r="J58" s="52">
        <v>743.6</v>
      </c>
      <c r="K58" s="52">
        <v>648.79999999999995</v>
      </c>
      <c r="L58" s="52">
        <v>725.8</v>
      </c>
      <c r="M58" s="52">
        <v>1037.5</v>
      </c>
      <c r="N58" s="52">
        <v>57.1</v>
      </c>
      <c r="O58" s="52">
        <v>849.5</v>
      </c>
      <c r="P58" s="52">
        <v>1109.7</v>
      </c>
      <c r="Q58" s="52">
        <v>54.3</v>
      </c>
      <c r="R58" s="52" t="s">
        <v>20</v>
      </c>
      <c r="S58" s="52" t="s">
        <v>20</v>
      </c>
      <c r="T58" s="52" t="s">
        <v>20</v>
      </c>
      <c r="U58" s="52" t="s">
        <v>20</v>
      </c>
      <c r="V58" s="52" t="s">
        <v>20</v>
      </c>
      <c r="W58" s="52" t="s">
        <v>20</v>
      </c>
      <c r="X58" s="52" t="s">
        <v>20</v>
      </c>
      <c r="Y58" s="52" t="s">
        <v>20</v>
      </c>
      <c r="Z58" s="52" t="s">
        <v>20</v>
      </c>
      <c r="AA58" s="52" t="s">
        <v>20</v>
      </c>
      <c r="AB58" s="52" t="s">
        <v>20</v>
      </c>
      <c r="AC58" s="52" t="s">
        <v>20</v>
      </c>
      <c r="AD58" s="52" t="s">
        <v>20</v>
      </c>
      <c r="AE58" s="52" t="s">
        <v>20</v>
      </c>
      <c r="AF58" s="52" t="s">
        <v>20</v>
      </c>
      <c r="AG58" s="52" t="s">
        <v>20</v>
      </c>
      <c r="AH58" s="52" t="s">
        <v>20</v>
      </c>
      <c r="AI58" s="53" t="s">
        <v>20</v>
      </c>
      <c r="AJ58" s="54">
        <v>11538.5</v>
      </c>
      <c r="AK58" s="55" t="s">
        <v>20</v>
      </c>
      <c r="AL58" s="54">
        <v>11538.5</v>
      </c>
      <c r="AM58" s="49">
        <v>4</v>
      </c>
      <c r="AN58" s="56">
        <v>45</v>
      </c>
      <c r="AO58" s="57">
        <v>3544.5999999999995</v>
      </c>
      <c r="AP58" s="49">
        <v>5</v>
      </c>
      <c r="AQ58" s="58">
        <v>49</v>
      </c>
      <c r="AR58" s="54">
        <v>3953.9</v>
      </c>
      <c r="AS58" s="49">
        <v>3</v>
      </c>
      <c r="AT58" s="58">
        <v>46</v>
      </c>
    </row>
    <row r="59" spans="1:46" s="48" customFormat="1" ht="20" customHeight="1" x14ac:dyDescent="0.2">
      <c r="A59" s="38">
        <v>57</v>
      </c>
      <c r="B59" s="39" t="s">
        <v>189</v>
      </c>
      <c r="C59" s="40" t="s">
        <v>190</v>
      </c>
      <c r="D59" s="39" t="s">
        <v>191</v>
      </c>
      <c r="E59" s="38" t="s">
        <v>179</v>
      </c>
      <c r="F59" s="41">
        <v>316</v>
      </c>
      <c r="G59" s="41">
        <v>748.6</v>
      </c>
      <c r="H59" s="41">
        <v>659.5</v>
      </c>
      <c r="I59" s="41">
        <v>309.2</v>
      </c>
      <c r="J59" s="41">
        <v>746.3</v>
      </c>
      <c r="K59" s="41">
        <v>643.29999999999995</v>
      </c>
      <c r="L59" s="41">
        <v>725.8</v>
      </c>
      <c r="M59" s="41">
        <v>1040.8</v>
      </c>
      <c r="N59" s="41">
        <v>53</v>
      </c>
      <c r="O59" s="41">
        <v>900.2</v>
      </c>
      <c r="P59" s="41">
        <v>1136.5</v>
      </c>
      <c r="Q59" s="41">
        <v>53.3</v>
      </c>
      <c r="R59" s="41" t="s">
        <v>20</v>
      </c>
      <c r="S59" s="41" t="s">
        <v>20</v>
      </c>
      <c r="T59" s="41" t="s">
        <v>20</v>
      </c>
      <c r="U59" s="41" t="s">
        <v>20</v>
      </c>
      <c r="V59" s="41" t="s">
        <v>20</v>
      </c>
      <c r="W59" s="41" t="s">
        <v>20</v>
      </c>
      <c r="X59" s="41" t="s">
        <v>20</v>
      </c>
      <c r="Y59" s="41" t="s">
        <v>20</v>
      </c>
      <c r="Z59" s="41" t="s">
        <v>20</v>
      </c>
      <c r="AA59" s="41" t="s">
        <v>20</v>
      </c>
      <c r="AB59" s="41" t="s">
        <v>20</v>
      </c>
      <c r="AC59" s="41" t="s">
        <v>20</v>
      </c>
      <c r="AD59" s="41" t="s">
        <v>20</v>
      </c>
      <c r="AE59" s="41" t="s">
        <v>20</v>
      </c>
      <c r="AF59" s="41" t="s">
        <v>20</v>
      </c>
      <c r="AG59" s="41" t="s">
        <v>20</v>
      </c>
      <c r="AH59" s="41" t="s">
        <v>20</v>
      </c>
      <c r="AI59" s="42" t="s">
        <v>20</v>
      </c>
      <c r="AJ59" s="43">
        <v>11612.5</v>
      </c>
      <c r="AK59" s="44" t="s">
        <v>20</v>
      </c>
      <c r="AL59" s="43">
        <v>11612.5</v>
      </c>
      <c r="AM59" s="38">
        <v>5</v>
      </c>
      <c r="AN59" s="45">
        <v>47</v>
      </c>
      <c r="AO59" s="46">
        <v>3542.8999999999996</v>
      </c>
      <c r="AP59" s="38">
        <v>4</v>
      </c>
      <c r="AQ59" s="47">
        <v>48</v>
      </c>
      <c r="AR59" s="43">
        <v>4029.6000000000004</v>
      </c>
      <c r="AS59" s="38">
        <v>5</v>
      </c>
      <c r="AT59" s="47">
        <v>48</v>
      </c>
    </row>
    <row r="60" spans="1:46" s="8" customFormat="1" ht="20" customHeight="1" x14ac:dyDescent="0.2">
      <c r="A60" s="59">
        <v>55</v>
      </c>
      <c r="B60" s="60" t="s">
        <v>192</v>
      </c>
      <c r="C60" s="61" t="s">
        <v>193</v>
      </c>
      <c r="D60" s="60" t="s">
        <v>194</v>
      </c>
      <c r="E60" s="59" t="s">
        <v>179</v>
      </c>
      <c r="F60" s="62">
        <v>322.2</v>
      </c>
      <c r="G60" s="62">
        <v>804.1</v>
      </c>
      <c r="H60" s="62">
        <v>707.8</v>
      </c>
      <c r="I60" s="62">
        <v>313.2</v>
      </c>
      <c r="J60" s="62">
        <v>757.4</v>
      </c>
      <c r="K60" s="62">
        <v>700.1</v>
      </c>
      <c r="L60" s="62">
        <v>725.8</v>
      </c>
      <c r="M60" s="62">
        <v>1054.4000000000001</v>
      </c>
      <c r="N60" s="62">
        <v>55.6</v>
      </c>
      <c r="O60" s="62">
        <v>913.1</v>
      </c>
      <c r="P60" s="62">
        <v>1057.2</v>
      </c>
      <c r="Q60" s="62">
        <v>59.5</v>
      </c>
      <c r="R60" s="62" t="s">
        <v>20</v>
      </c>
      <c r="S60" s="62" t="s">
        <v>20</v>
      </c>
      <c r="T60" s="62" t="s">
        <v>20</v>
      </c>
      <c r="U60" s="62" t="s">
        <v>20</v>
      </c>
      <c r="V60" s="62" t="s">
        <v>20</v>
      </c>
      <c r="W60" s="62" t="s">
        <v>20</v>
      </c>
      <c r="X60" s="62" t="s">
        <v>20</v>
      </c>
      <c r="Y60" s="62" t="s">
        <v>20</v>
      </c>
      <c r="Z60" s="62" t="s">
        <v>20</v>
      </c>
      <c r="AA60" s="62" t="s">
        <v>20</v>
      </c>
      <c r="AB60" s="62" t="s">
        <v>20</v>
      </c>
      <c r="AC60" s="62" t="s">
        <v>20</v>
      </c>
      <c r="AD60" s="62" t="s">
        <v>20</v>
      </c>
      <c r="AE60" s="62" t="s">
        <v>20</v>
      </c>
      <c r="AF60" s="62" t="s">
        <v>20</v>
      </c>
      <c r="AG60" s="62" t="s">
        <v>20</v>
      </c>
      <c r="AH60" s="62" t="s">
        <v>20</v>
      </c>
      <c r="AI60" s="63" t="s">
        <v>20</v>
      </c>
      <c r="AJ60" s="64">
        <v>11710.4</v>
      </c>
      <c r="AK60" s="65">
        <v>40</v>
      </c>
      <c r="AL60" s="64">
        <v>11750.4</v>
      </c>
      <c r="AM60" s="59">
        <v>6</v>
      </c>
      <c r="AN60" s="67">
        <v>48</v>
      </c>
      <c r="AO60" s="68">
        <v>3644.7999999999997</v>
      </c>
      <c r="AP60" s="59">
        <v>6</v>
      </c>
      <c r="AQ60" s="69">
        <v>53</v>
      </c>
      <c r="AR60" s="64">
        <v>4105.6000000000004</v>
      </c>
      <c r="AS60" s="59">
        <v>6</v>
      </c>
      <c r="AT60" s="69">
        <v>49</v>
      </c>
    </row>
    <row r="61" spans="1:46" s="48" customFormat="1" ht="20" customHeight="1" x14ac:dyDescent="0.2">
      <c r="A61" s="38">
        <v>59</v>
      </c>
      <c r="B61" s="39" t="s">
        <v>195</v>
      </c>
      <c r="C61" s="40" t="s">
        <v>196</v>
      </c>
      <c r="D61" s="39" t="s">
        <v>197</v>
      </c>
      <c r="E61" s="38" t="s">
        <v>198</v>
      </c>
      <c r="F61" s="41">
        <v>302.60000000000002</v>
      </c>
      <c r="G61" s="41">
        <v>720</v>
      </c>
      <c r="H61" s="41">
        <v>643.79999999999995</v>
      </c>
      <c r="I61" s="41">
        <v>254.6</v>
      </c>
      <c r="J61" s="41">
        <v>714.9</v>
      </c>
      <c r="K61" s="41">
        <v>628.5</v>
      </c>
      <c r="L61" s="41">
        <v>725.8</v>
      </c>
      <c r="M61" s="41">
        <v>1002.2</v>
      </c>
      <c r="N61" s="41">
        <v>50.3</v>
      </c>
      <c r="O61" s="41">
        <v>820.8</v>
      </c>
      <c r="P61" s="41">
        <v>956.4</v>
      </c>
      <c r="Q61" s="41">
        <v>51.1</v>
      </c>
      <c r="R61" s="41" t="s">
        <v>20</v>
      </c>
      <c r="S61" s="41" t="s">
        <v>20</v>
      </c>
      <c r="T61" s="41" t="s">
        <v>20</v>
      </c>
      <c r="U61" s="41" t="s">
        <v>20</v>
      </c>
      <c r="V61" s="41" t="s">
        <v>20</v>
      </c>
      <c r="W61" s="41" t="s">
        <v>20</v>
      </c>
      <c r="X61" s="41" t="s">
        <v>20</v>
      </c>
      <c r="Y61" s="41" t="s">
        <v>20</v>
      </c>
      <c r="Z61" s="41" t="s">
        <v>20</v>
      </c>
      <c r="AA61" s="41" t="s">
        <v>20</v>
      </c>
      <c r="AB61" s="41" t="s">
        <v>20</v>
      </c>
      <c r="AC61" s="41" t="s">
        <v>20</v>
      </c>
      <c r="AD61" s="41" t="s">
        <v>20</v>
      </c>
      <c r="AE61" s="41" t="s">
        <v>20</v>
      </c>
      <c r="AF61" s="41" t="s">
        <v>20</v>
      </c>
      <c r="AG61" s="41" t="s">
        <v>20</v>
      </c>
      <c r="AH61" s="41" t="s">
        <v>20</v>
      </c>
      <c r="AI61" s="42" t="s">
        <v>20</v>
      </c>
      <c r="AJ61" s="43">
        <v>11111</v>
      </c>
      <c r="AK61" s="44" t="s">
        <v>20</v>
      </c>
      <c r="AL61" s="43">
        <v>11111</v>
      </c>
      <c r="AM61" s="38">
        <v>1</v>
      </c>
      <c r="AN61" s="45"/>
      <c r="AO61" s="46">
        <v>3344.4</v>
      </c>
      <c r="AP61" s="38">
        <v>1</v>
      </c>
      <c r="AQ61" s="47"/>
      <c r="AR61" s="43">
        <v>3726.6</v>
      </c>
      <c r="AS61" s="38">
        <v>2</v>
      </c>
      <c r="AT61" s="47"/>
    </row>
    <row r="62" spans="1:46" ht="20" customHeight="1" x14ac:dyDescent="0.2">
      <c r="A62" s="49">
        <v>60</v>
      </c>
      <c r="B62" s="50" t="s">
        <v>199</v>
      </c>
      <c r="C62" s="51" t="s">
        <v>200</v>
      </c>
      <c r="D62" s="50" t="s">
        <v>201</v>
      </c>
      <c r="E62" s="49" t="s">
        <v>198</v>
      </c>
      <c r="F62" s="52">
        <v>311.60000000000002</v>
      </c>
      <c r="G62" s="52">
        <v>740</v>
      </c>
      <c r="H62" s="52">
        <v>708.2</v>
      </c>
      <c r="I62" s="52">
        <v>312</v>
      </c>
      <c r="J62" s="52">
        <v>739.3</v>
      </c>
      <c r="K62" s="52">
        <v>659.6</v>
      </c>
      <c r="L62" s="52">
        <v>725.8</v>
      </c>
      <c r="M62" s="52">
        <v>1035.7</v>
      </c>
      <c r="N62" s="52">
        <v>56.2</v>
      </c>
      <c r="O62" s="52">
        <v>844.2</v>
      </c>
      <c r="P62" s="52">
        <v>1032.0999999999999</v>
      </c>
      <c r="Q62" s="52">
        <v>56</v>
      </c>
      <c r="R62" s="52" t="s">
        <v>20</v>
      </c>
      <c r="S62" s="52" t="s">
        <v>20</v>
      </c>
      <c r="T62" s="52" t="s">
        <v>20</v>
      </c>
      <c r="U62" s="52" t="s">
        <v>20</v>
      </c>
      <c r="V62" s="52" t="s">
        <v>20</v>
      </c>
      <c r="W62" s="52" t="s">
        <v>20</v>
      </c>
      <c r="X62" s="52" t="s">
        <v>20</v>
      </c>
      <c r="Y62" s="52" t="s">
        <v>20</v>
      </c>
      <c r="Z62" s="52" t="s">
        <v>20</v>
      </c>
      <c r="AA62" s="52" t="s">
        <v>20</v>
      </c>
      <c r="AB62" s="52" t="s">
        <v>20</v>
      </c>
      <c r="AC62" s="52" t="s">
        <v>20</v>
      </c>
      <c r="AD62" s="52" t="s">
        <v>20</v>
      </c>
      <c r="AE62" s="52" t="s">
        <v>20</v>
      </c>
      <c r="AF62" s="52" t="s">
        <v>20</v>
      </c>
      <c r="AG62" s="52" t="s">
        <v>20</v>
      </c>
      <c r="AH62" s="52" t="s">
        <v>20</v>
      </c>
      <c r="AI62" s="53" t="s">
        <v>20</v>
      </c>
      <c r="AJ62" s="54">
        <v>11500.699999999999</v>
      </c>
      <c r="AK62" s="55" t="s">
        <v>20</v>
      </c>
      <c r="AL62" s="54">
        <v>11500.699999999999</v>
      </c>
      <c r="AM62" s="49">
        <v>2</v>
      </c>
      <c r="AN62" s="56"/>
      <c r="AO62" s="57">
        <v>3550.7000000000003</v>
      </c>
      <c r="AP62" s="49">
        <v>2</v>
      </c>
      <c r="AQ62" s="58"/>
      <c r="AR62" s="54">
        <v>3910</v>
      </c>
      <c r="AS62" s="49">
        <v>4</v>
      </c>
      <c r="AT62" s="58"/>
    </row>
    <row r="63" spans="1:46" s="48" customFormat="1" ht="20" customHeight="1" x14ac:dyDescent="0.2">
      <c r="A63" s="38">
        <v>58</v>
      </c>
      <c r="B63" s="39" t="s">
        <v>202</v>
      </c>
      <c r="C63" s="40" t="s">
        <v>203</v>
      </c>
      <c r="D63" s="39" t="s">
        <v>204</v>
      </c>
      <c r="E63" s="38" t="s">
        <v>198</v>
      </c>
      <c r="F63" s="41">
        <v>243.5</v>
      </c>
      <c r="G63" s="41">
        <v>633.5</v>
      </c>
      <c r="H63" s="41">
        <v>1918.9</v>
      </c>
      <c r="I63" s="41">
        <v>243</v>
      </c>
      <c r="J63" s="41">
        <v>627.6</v>
      </c>
      <c r="K63" s="41">
        <v>557</v>
      </c>
      <c r="L63" s="41">
        <v>725.8</v>
      </c>
      <c r="M63" s="41">
        <v>918.8</v>
      </c>
      <c r="N63" s="41">
        <v>49.7</v>
      </c>
      <c r="O63" s="41">
        <v>748.3</v>
      </c>
      <c r="P63" s="41">
        <v>906.2</v>
      </c>
      <c r="Q63" s="41">
        <v>49.3</v>
      </c>
      <c r="R63" s="41" t="s">
        <v>20</v>
      </c>
      <c r="S63" s="41" t="s">
        <v>20</v>
      </c>
      <c r="T63" s="41" t="s">
        <v>20</v>
      </c>
      <c r="U63" s="41" t="s">
        <v>20</v>
      </c>
      <c r="V63" s="41" t="s">
        <v>20</v>
      </c>
      <c r="W63" s="41" t="s">
        <v>20</v>
      </c>
      <c r="X63" s="41" t="s">
        <v>20</v>
      </c>
      <c r="Y63" s="41" t="s">
        <v>20</v>
      </c>
      <c r="Z63" s="41" t="s">
        <v>20</v>
      </c>
      <c r="AA63" s="41" t="s">
        <v>20</v>
      </c>
      <c r="AB63" s="41" t="s">
        <v>20</v>
      </c>
      <c r="AC63" s="41" t="s">
        <v>20</v>
      </c>
      <c r="AD63" s="41" t="s">
        <v>20</v>
      </c>
      <c r="AE63" s="41" t="s">
        <v>20</v>
      </c>
      <c r="AF63" s="41" t="s">
        <v>20</v>
      </c>
      <c r="AG63" s="41" t="s">
        <v>20</v>
      </c>
      <c r="AH63" s="41" t="s">
        <v>20</v>
      </c>
      <c r="AI63" s="42" t="s">
        <v>20</v>
      </c>
      <c r="AJ63" s="43">
        <v>11901.6</v>
      </c>
      <c r="AK63" s="44" t="s">
        <v>20</v>
      </c>
      <c r="AL63" s="43">
        <v>11901.6</v>
      </c>
      <c r="AM63" s="38">
        <v>3</v>
      </c>
      <c r="AN63" s="45"/>
      <c r="AO63" s="46">
        <v>4343.5</v>
      </c>
      <c r="AP63" s="38">
        <v>4</v>
      </c>
      <c r="AQ63" s="47"/>
      <c r="AR63" s="43">
        <v>3518.1000000000004</v>
      </c>
      <c r="AS63" s="38">
        <v>1</v>
      </c>
      <c r="AT63" s="47"/>
    </row>
    <row r="64" spans="1:46" ht="20" customHeight="1" x14ac:dyDescent="0.2">
      <c r="A64" s="49">
        <v>62</v>
      </c>
      <c r="B64" s="50" t="s">
        <v>205</v>
      </c>
      <c r="C64" s="51" t="s">
        <v>206</v>
      </c>
      <c r="D64" s="50" t="s">
        <v>207</v>
      </c>
      <c r="E64" s="49" t="s">
        <v>198</v>
      </c>
      <c r="F64" s="52">
        <v>333.4</v>
      </c>
      <c r="G64" s="52">
        <v>813.2</v>
      </c>
      <c r="H64" s="52">
        <v>721.1</v>
      </c>
      <c r="I64" s="52">
        <v>328.1</v>
      </c>
      <c r="J64" s="52">
        <v>809.8</v>
      </c>
      <c r="K64" s="52">
        <v>724.7</v>
      </c>
      <c r="L64" s="52">
        <v>725.8</v>
      </c>
      <c r="M64" s="52">
        <v>1126.5999999999999</v>
      </c>
      <c r="N64" s="52">
        <v>56.3</v>
      </c>
      <c r="O64" s="52">
        <v>936.8</v>
      </c>
      <c r="P64" s="52">
        <v>1132.3</v>
      </c>
      <c r="Q64" s="52">
        <v>56.7</v>
      </c>
      <c r="R64" s="52" t="s">
        <v>20</v>
      </c>
      <c r="S64" s="52" t="s">
        <v>20</v>
      </c>
      <c r="T64" s="52" t="s">
        <v>20</v>
      </c>
      <c r="U64" s="52" t="s">
        <v>20</v>
      </c>
      <c r="V64" s="52" t="s">
        <v>20</v>
      </c>
      <c r="W64" s="52" t="s">
        <v>20</v>
      </c>
      <c r="X64" s="52" t="s">
        <v>20</v>
      </c>
      <c r="Y64" s="52" t="s">
        <v>20</v>
      </c>
      <c r="Z64" s="52" t="s">
        <v>20</v>
      </c>
      <c r="AA64" s="52" t="s">
        <v>20</v>
      </c>
      <c r="AB64" s="52" t="s">
        <v>20</v>
      </c>
      <c r="AC64" s="52" t="s">
        <v>20</v>
      </c>
      <c r="AD64" s="52" t="s">
        <v>20</v>
      </c>
      <c r="AE64" s="52" t="s">
        <v>20</v>
      </c>
      <c r="AF64" s="52" t="s">
        <v>20</v>
      </c>
      <c r="AG64" s="52" t="s">
        <v>20</v>
      </c>
      <c r="AH64" s="52" t="s">
        <v>20</v>
      </c>
      <c r="AI64" s="53" t="s">
        <v>20</v>
      </c>
      <c r="AJ64" s="54">
        <v>12004.8</v>
      </c>
      <c r="AK64" s="55" t="s">
        <v>20</v>
      </c>
      <c r="AL64" s="54">
        <v>12004.8</v>
      </c>
      <c r="AM64" s="49">
        <v>4</v>
      </c>
      <c r="AN64" s="56"/>
      <c r="AO64" s="57">
        <v>3810.3</v>
      </c>
      <c r="AP64" s="49">
        <v>3</v>
      </c>
      <c r="AQ64" s="58"/>
      <c r="AR64" s="54">
        <v>4154.5</v>
      </c>
      <c r="AS64" s="49">
        <v>5</v>
      </c>
      <c r="AT64" s="58"/>
    </row>
    <row r="65" spans="1:46" s="82" customFormat="1" ht="20" customHeight="1" x14ac:dyDescent="0.2">
      <c r="A65" s="72">
        <v>61</v>
      </c>
      <c r="B65" s="73" t="s">
        <v>208</v>
      </c>
      <c r="C65" s="74" t="s">
        <v>209</v>
      </c>
      <c r="D65" s="73" t="s">
        <v>210</v>
      </c>
      <c r="E65" s="72" t="s">
        <v>198</v>
      </c>
      <c r="F65" s="75">
        <v>300.89999999999998</v>
      </c>
      <c r="G65" s="75">
        <v>1633.5</v>
      </c>
      <c r="H65" s="75">
        <v>1643.8</v>
      </c>
      <c r="I65" s="75">
        <v>1243</v>
      </c>
      <c r="J65" s="75">
        <v>1627.6</v>
      </c>
      <c r="K65" s="75">
        <v>1557</v>
      </c>
      <c r="L65" s="75">
        <v>725.8</v>
      </c>
      <c r="M65" s="75">
        <v>1000.6</v>
      </c>
      <c r="N65" s="75">
        <v>53.2</v>
      </c>
      <c r="O65" s="75">
        <v>811.5</v>
      </c>
      <c r="P65" s="75">
        <v>1003.3</v>
      </c>
      <c r="Q65" s="75">
        <v>52.4</v>
      </c>
      <c r="R65" s="75" t="s">
        <v>20</v>
      </c>
      <c r="S65" s="75" t="s">
        <v>20</v>
      </c>
      <c r="T65" s="75" t="s">
        <v>20</v>
      </c>
      <c r="U65" s="75" t="s">
        <v>20</v>
      </c>
      <c r="V65" s="75" t="s">
        <v>20</v>
      </c>
      <c r="W65" s="75" t="s">
        <v>20</v>
      </c>
      <c r="X65" s="75" t="s">
        <v>20</v>
      </c>
      <c r="Y65" s="75" t="s">
        <v>20</v>
      </c>
      <c r="Z65" s="75" t="s">
        <v>20</v>
      </c>
      <c r="AA65" s="75" t="s">
        <v>20</v>
      </c>
      <c r="AB65" s="75" t="s">
        <v>20</v>
      </c>
      <c r="AC65" s="75" t="s">
        <v>20</v>
      </c>
      <c r="AD65" s="75" t="s">
        <v>20</v>
      </c>
      <c r="AE65" s="75" t="s">
        <v>20</v>
      </c>
      <c r="AF65" s="75" t="s">
        <v>20</v>
      </c>
      <c r="AG65" s="75" t="s">
        <v>20</v>
      </c>
      <c r="AH65" s="75" t="s">
        <v>20</v>
      </c>
      <c r="AI65" s="76" t="s">
        <v>20</v>
      </c>
      <c r="AJ65" s="77">
        <v>15852.599999999999</v>
      </c>
      <c r="AK65" s="78" t="s">
        <v>20</v>
      </c>
      <c r="AL65" s="77">
        <v>15852.599999999999</v>
      </c>
      <c r="AM65" s="72">
        <v>5</v>
      </c>
      <c r="AN65" s="79"/>
      <c r="AO65" s="80">
        <v>12125.8</v>
      </c>
      <c r="AP65" s="72">
        <v>5</v>
      </c>
      <c r="AQ65" s="81"/>
      <c r="AR65" s="77">
        <v>3726.8</v>
      </c>
      <c r="AS65" s="72">
        <v>3</v>
      </c>
      <c r="AT65" s="81"/>
    </row>
    <row r="66" spans="1:46" ht="20" customHeight="1" x14ac:dyDescent="0.2">
      <c r="A66" s="49">
        <v>65</v>
      </c>
      <c r="B66" s="50" t="s">
        <v>211</v>
      </c>
      <c r="C66" s="51" t="s">
        <v>212</v>
      </c>
      <c r="D66" s="50" t="s">
        <v>213</v>
      </c>
      <c r="E66" s="49" t="s">
        <v>214</v>
      </c>
      <c r="F66" s="52">
        <v>314.3</v>
      </c>
      <c r="G66" s="52">
        <v>748.8</v>
      </c>
      <c r="H66" s="52">
        <v>701.3</v>
      </c>
      <c r="I66" s="52">
        <v>314.2</v>
      </c>
      <c r="J66" s="52">
        <v>741.9</v>
      </c>
      <c r="K66" s="52">
        <v>655.9</v>
      </c>
      <c r="L66" s="52">
        <v>725.8</v>
      </c>
      <c r="M66" s="52">
        <v>1048.3</v>
      </c>
      <c r="N66" s="52">
        <v>57.3</v>
      </c>
      <c r="O66" s="52">
        <v>934.3</v>
      </c>
      <c r="P66" s="52">
        <v>1110.9000000000001</v>
      </c>
      <c r="Q66" s="52">
        <v>56.1</v>
      </c>
      <c r="R66" s="52" t="s">
        <v>20</v>
      </c>
      <c r="S66" s="52" t="s">
        <v>20</v>
      </c>
      <c r="T66" s="52" t="s">
        <v>20</v>
      </c>
      <c r="U66" s="52" t="s">
        <v>20</v>
      </c>
      <c r="V66" s="52" t="s">
        <v>20</v>
      </c>
      <c r="W66" s="52" t="s">
        <v>20</v>
      </c>
      <c r="X66" s="52" t="s">
        <v>20</v>
      </c>
      <c r="Y66" s="52" t="s">
        <v>20</v>
      </c>
      <c r="Z66" s="52" t="s">
        <v>20</v>
      </c>
      <c r="AA66" s="52" t="s">
        <v>20</v>
      </c>
      <c r="AB66" s="52" t="s">
        <v>20</v>
      </c>
      <c r="AC66" s="52" t="s">
        <v>20</v>
      </c>
      <c r="AD66" s="52" t="s">
        <v>20</v>
      </c>
      <c r="AE66" s="52" t="s">
        <v>20</v>
      </c>
      <c r="AF66" s="52" t="s">
        <v>20</v>
      </c>
      <c r="AG66" s="52" t="s">
        <v>20</v>
      </c>
      <c r="AH66" s="52" t="s">
        <v>20</v>
      </c>
      <c r="AI66" s="53" t="s">
        <v>20</v>
      </c>
      <c r="AJ66" s="54">
        <v>11649.1</v>
      </c>
      <c r="AK66" s="55" t="s">
        <v>20</v>
      </c>
      <c r="AL66" s="54">
        <v>11649.1</v>
      </c>
      <c r="AM66" s="49">
        <v>1</v>
      </c>
      <c r="AN66" s="56"/>
      <c r="AO66" s="57">
        <v>3556.4</v>
      </c>
      <c r="AP66" s="49">
        <v>3</v>
      </c>
      <c r="AQ66" s="58"/>
      <c r="AR66" s="54">
        <v>4052.7</v>
      </c>
      <c r="AS66" s="49">
        <v>1</v>
      </c>
      <c r="AT66" s="58"/>
    </row>
    <row r="67" spans="1:46" s="48" customFormat="1" ht="20" customHeight="1" x14ac:dyDescent="0.2">
      <c r="A67" s="38">
        <v>67</v>
      </c>
      <c r="B67" s="39" t="s">
        <v>215</v>
      </c>
      <c r="C67" s="40" t="s">
        <v>216</v>
      </c>
      <c r="D67" s="39" t="s">
        <v>217</v>
      </c>
      <c r="E67" s="38" t="s">
        <v>214</v>
      </c>
      <c r="F67" s="41">
        <v>320.10000000000002</v>
      </c>
      <c r="G67" s="41">
        <v>757.7</v>
      </c>
      <c r="H67" s="41">
        <v>708.3</v>
      </c>
      <c r="I67" s="41">
        <v>320.3</v>
      </c>
      <c r="J67" s="41">
        <v>804.9</v>
      </c>
      <c r="K67" s="41">
        <v>732.5</v>
      </c>
      <c r="L67" s="41">
        <v>725.8</v>
      </c>
      <c r="M67" s="41">
        <v>1113.0999999999999</v>
      </c>
      <c r="N67" s="41">
        <v>59</v>
      </c>
      <c r="O67" s="41">
        <v>932.6</v>
      </c>
      <c r="P67" s="41">
        <v>1206.8</v>
      </c>
      <c r="Q67" s="41">
        <v>59.2</v>
      </c>
      <c r="R67" s="41" t="s">
        <v>20</v>
      </c>
      <c r="S67" s="41" t="s">
        <v>20</v>
      </c>
      <c r="T67" s="41" t="s">
        <v>20</v>
      </c>
      <c r="U67" s="41" t="s">
        <v>20</v>
      </c>
      <c r="V67" s="41" t="s">
        <v>20</v>
      </c>
      <c r="W67" s="41" t="s">
        <v>20</v>
      </c>
      <c r="X67" s="41" t="s">
        <v>20</v>
      </c>
      <c r="Y67" s="41" t="s">
        <v>20</v>
      </c>
      <c r="Z67" s="41" t="s">
        <v>20</v>
      </c>
      <c r="AA67" s="41" t="s">
        <v>20</v>
      </c>
      <c r="AB67" s="41" t="s">
        <v>20</v>
      </c>
      <c r="AC67" s="41" t="s">
        <v>20</v>
      </c>
      <c r="AD67" s="41" t="s">
        <v>20</v>
      </c>
      <c r="AE67" s="41" t="s">
        <v>20</v>
      </c>
      <c r="AF67" s="41" t="s">
        <v>20</v>
      </c>
      <c r="AG67" s="41" t="s">
        <v>20</v>
      </c>
      <c r="AH67" s="41" t="s">
        <v>20</v>
      </c>
      <c r="AI67" s="42" t="s">
        <v>20</v>
      </c>
      <c r="AJ67" s="43">
        <v>11940.3</v>
      </c>
      <c r="AK67" s="44" t="s">
        <v>20</v>
      </c>
      <c r="AL67" s="43">
        <v>11940.3</v>
      </c>
      <c r="AM67" s="38">
        <v>2</v>
      </c>
      <c r="AN67" s="45"/>
      <c r="AO67" s="46">
        <v>3723.7999999999997</v>
      </c>
      <c r="AP67" s="38">
        <v>4</v>
      </c>
      <c r="AQ67" s="47"/>
      <c r="AR67" s="43">
        <v>4216.5</v>
      </c>
      <c r="AS67" s="38">
        <v>2</v>
      </c>
      <c r="AT67" s="47"/>
    </row>
    <row r="68" spans="1:46" ht="20" customHeight="1" x14ac:dyDescent="0.2">
      <c r="A68" s="49">
        <v>68</v>
      </c>
      <c r="B68" s="50" t="s">
        <v>218</v>
      </c>
      <c r="C68" s="51" t="s">
        <v>219</v>
      </c>
      <c r="D68" s="50" t="s">
        <v>220</v>
      </c>
      <c r="E68" s="49" t="s">
        <v>214</v>
      </c>
      <c r="F68" s="52">
        <v>338.2</v>
      </c>
      <c r="G68" s="52">
        <v>857.9</v>
      </c>
      <c r="H68" s="52">
        <v>733.9</v>
      </c>
      <c r="I68" s="52">
        <v>332</v>
      </c>
      <c r="J68" s="52">
        <v>814.9</v>
      </c>
      <c r="K68" s="52">
        <v>727.3</v>
      </c>
      <c r="L68" s="52">
        <v>725.8</v>
      </c>
      <c r="M68" s="52">
        <v>1133.4000000000001</v>
      </c>
      <c r="N68" s="52">
        <v>100.7</v>
      </c>
      <c r="O68" s="52">
        <v>1011.1</v>
      </c>
      <c r="P68" s="52">
        <v>1157.9000000000001</v>
      </c>
      <c r="Q68" s="52">
        <v>100.9</v>
      </c>
      <c r="R68" s="52" t="s">
        <v>20</v>
      </c>
      <c r="S68" s="52" t="s">
        <v>20</v>
      </c>
      <c r="T68" s="52" t="s">
        <v>20</v>
      </c>
      <c r="U68" s="52" t="s">
        <v>20</v>
      </c>
      <c r="V68" s="52" t="s">
        <v>20</v>
      </c>
      <c r="W68" s="52" t="s">
        <v>20</v>
      </c>
      <c r="X68" s="52" t="s">
        <v>20</v>
      </c>
      <c r="Y68" s="52" t="s">
        <v>20</v>
      </c>
      <c r="Z68" s="52" t="s">
        <v>20</v>
      </c>
      <c r="AA68" s="52" t="s">
        <v>20</v>
      </c>
      <c r="AB68" s="52" t="s">
        <v>20</v>
      </c>
      <c r="AC68" s="52" t="s">
        <v>20</v>
      </c>
      <c r="AD68" s="52" t="s">
        <v>20</v>
      </c>
      <c r="AE68" s="52" t="s">
        <v>20</v>
      </c>
      <c r="AF68" s="52" t="s">
        <v>20</v>
      </c>
      <c r="AG68" s="52" t="s">
        <v>20</v>
      </c>
      <c r="AH68" s="52" t="s">
        <v>20</v>
      </c>
      <c r="AI68" s="53" t="s">
        <v>20</v>
      </c>
      <c r="AJ68" s="54">
        <v>12234</v>
      </c>
      <c r="AK68" s="55" t="s">
        <v>20</v>
      </c>
      <c r="AL68" s="54">
        <v>12234</v>
      </c>
      <c r="AM68" s="49">
        <v>3</v>
      </c>
      <c r="AN68" s="56"/>
      <c r="AO68" s="57">
        <v>3924.2</v>
      </c>
      <c r="AP68" s="49">
        <v>5</v>
      </c>
      <c r="AQ68" s="58"/>
      <c r="AR68" s="54">
        <v>4309.8</v>
      </c>
      <c r="AS68" s="49">
        <v>3</v>
      </c>
      <c r="AT68" s="58"/>
    </row>
    <row r="69" spans="1:46" s="48" customFormat="1" ht="20" customHeight="1" x14ac:dyDescent="0.2">
      <c r="A69" s="38">
        <v>66</v>
      </c>
      <c r="B69" s="39" t="s">
        <v>221</v>
      </c>
      <c r="C69" s="40" t="s">
        <v>222</v>
      </c>
      <c r="D69" s="39" t="s">
        <v>223</v>
      </c>
      <c r="E69" s="38" t="s">
        <v>214</v>
      </c>
      <c r="F69" s="41">
        <v>317.2</v>
      </c>
      <c r="G69" s="41">
        <v>751.4</v>
      </c>
      <c r="H69" s="41">
        <v>1652.2</v>
      </c>
      <c r="I69" s="41">
        <v>1306.3</v>
      </c>
      <c r="J69" s="41">
        <v>1722.4</v>
      </c>
      <c r="K69" s="41">
        <v>1642.5</v>
      </c>
      <c r="L69" s="41">
        <v>725.8</v>
      </c>
      <c r="M69" s="41">
        <v>3855.9</v>
      </c>
      <c r="N69" s="41" t="s">
        <v>20</v>
      </c>
      <c r="O69" s="41" t="s">
        <v>20</v>
      </c>
      <c r="P69" s="41" t="s">
        <v>20</v>
      </c>
      <c r="Q69" s="41" t="s">
        <v>20</v>
      </c>
      <c r="R69" s="41" t="s">
        <v>20</v>
      </c>
      <c r="S69" s="41" t="s">
        <v>20</v>
      </c>
      <c r="T69" s="41" t="s">
        <v>20</v>
      </c>
      <c r="U69" s="41" t="s">
        <v>20</v>
      </c>
      <c r="V69" s="41" t="s">
        <v>20</v>
      </c>
      <c r="W69" s="41" t="s">
        <v>20</v>
      </c>
      <c r="X69" s="41" t="s">
        <v>20</v>
      </c>
      <c r="Y69" s="41" t="s">
        <v>20</v>
      </c>
      <c r="Z69" s="41" t="s">
        <v>20</v>
      </c>
      <c r="AA69" s="41" t="s">
        <v>20</v>
      </c>
      <c r="AB69" s="41" t="s">
        <v>20</v>
      </c>
      <c r="AC69" s="41" t="s">
        <v>20</v>
      </c>
      <c r="AD69" s="41" t="s">
        <v>20</v>
      </c>
      <c r="AE69" s="41" t="s">
        <v>20</v>
      </c>
      <c r="AF69" s="41" t="s">
        <v>20</v>
      </c>
      <c r="AG69" s="41" t="s">
        <v>20</v>
      </c>
      <c r="AH69" s="41" t="s">
        <v>20</v>
      </c>
      <c r="AI69" s="42" t="s">
        <v>20</v>
      </c>
      <c r="AJ69" s="43" t="s">
        <v>20</v>
      </c>
      <c r="AK69" s="44" t="s">
        <v>20</v>
      </c>
      <c r="AL69" s="70" t="s">
        <v>51</v>
      </c>
      <c r="AM69" s="38"/>
      <c r="AN69" s="45"/>
      <c r="AO69" s="46">
        <v>11512</v>
      </c>
      <c r="AP69" s="38">
        <v>6</v>
      </c>
      <c r="AQ69" s="47"/>
      <c r="AR69" s="43" t="s">
        <v>20</v>
      </c>
      <c r="AS69" s="38" t="s">
        <v>20</v>
      </c>
      <c r="AT69" s="47"/>
    </row>
    <row r="70" spans="1:46" ht="20" customHeight="1" x14ac:dyDescent="0.2">
      <c r="A70" s="49">
        <v>63</v>
      </c>
      <c r="B70" s="50" t="s">
        <v>224</v>
      </c>
      <c r="C70" s="51" t="s">
        <v>225</v>
      </c>
      <c r="D70" s="50" t="s">
        <v>226</v>
      </c>
      <c r="E70" s="49" t="s">
        <v>214</v>
      </c>
      <c r="F70" s="52">
        <v>308</v>
      </c>
      <c r="G70" s="52">
        <v>722.4</v>
      </c>
      <c r="H70" s="52">
        <v>652.20000000000005</v>
      </c>
      <c r="I70" s="52">
        <v>306.3</v>
      </c>
      <c r="J70" s="52">
        <v>722.4</v>
      </c>
      <c r="K70" s="52">
        <v>658.4</v>
      </c>
      <c r="L70" s="52">
        <v>725.8</v>
      </c>
      <c r="M70" s="52" t="s">
        <v>20</v>
      </c>
      <c r="N70" s="52" t="s">
        <v>20</v>
      </c>
      <c r="O70" s="52" t="s">
        <v>20</v>
      </c>
      <c r="P70" s="52" t="s">
        <v>20</v>
      </c>
      <c r="Q70" s="52" t="s">
        <v>20</v>
      </c>
      <c r="R70" s="52" t="s">
        <v>20</v>
      </c>
      <c r="S70" s="52" t="s">
        <v>20</v>
      </c>
      <c r="T70" s="52" t="s">
        <v>20</v>
      </c>
      <c r="U70" s="52" t="s">
        <v>20</v>
      </c>
      <c r="V70" s="52" t="s">
        <v>20</v>
      </c>
      <c r="W70" s="52" t="s">
        <v>20</v>
      </c>
      <c r="X70" s="52" t="s">
        <v>20</v>
      </c>
      <c r="Y70" s="52" t="s">
        <v>20</v>
      </c>
      <c r="Z70" s="52" t="s">
        <v>20</v>
      </c>
      <c r="AA70" s="52" t="s">
        <v>20</v>
      </c>
      <c r="AB70" s="52" t="s">
        <v>20</v>
      </c>
      <c r="AC70" s="52" t="s">
        <v>20</v>
      </c>
      <c r="AD70" s="52" t="s">
        <v>20</v>
      </c>
      <c r="AE70" s="52" t="s">
        <v>20</v>
      </c>
      <c r="AF70" s="52" t="s">
        <v>20</v>
      </c>
      <c r="AG70" s="52" t="s">
        <v>20</v>
      </c>
      <c r="AH70" s="52" t="s">
        <v>20</v>
      </c>
      <c r="AI70" s="53" t="s">
        <v>20</v>
      </c>
      <c r="AJ70" s="54" t="s">
        <v>20</v>
      </c>
      <c r="AK70" s="55" t="s">
        <v>20</v>
      </c>
      <c r="AL70" s="71" t="s">
        <v>51</v>
      </c>
      <c r="AM70" s="49"/>
      <c r="AN70" s="56"/>
      <c r="AO70" s="57">
        <v>3449.7</v>
      </c>
      <c r="AP70" s="49">
        <v>1</v>
      </c>
      <c r="AQ70" s="58"/>
      <c r="AR70" s="54" t="s">
        <v>20</v>
      </c>
      <c r="AS70" s="49" t="s">
        <v>20</v>
      </c>
      <c r="AT70" s="58"/>
    </row>
    <row r="71" spans="1:46" s="82" customFormat="1" ht="20" customHeight="1" x14ac:dyDescent="0.2">
      <c r="A71" s="72">
        <v>64</v>
      </c>
      <c r="B71" s="73" t="s">
        <v>227</v>
      </c>
      <c r="C71" s="74" t="s">
        <v>228</v>
      </c>
      <c r="D71" s="73" t="s">
        <v>229</v>
      </c>
      <c r="E71" s="72" t="s">
        <v>214</v>
      </c>
      <c r="F71" s="75">
        <v>324.7</v>
      </c>
      <c r="G71" s="75">
        <v>741.8</v>
      </c>
      <c r="H71" s="75">
        <v>654.5</v>
      </c>
      <c r="I71" s="75">
        <v>307.89999999999998</v>
      </c>
      <c r="J71" s="75">
        <v>729.7</v>
      </c>
      <c r="K71" s="75">
        <v>642.5</v>
      </c>
      <c r="L71" s="75">
        <v>725.8</v>
      </c>
      <c r="M71" s="75" t="s">
        <v>20</v>
      </c>
      <c r="N71" s="75" t="s">
        <v>20</v>
      </c>
      <c r="O71" s="75" t="s">
        <v>20</v>
      </c>
      <c r="P71" s="75" t="s">
        <v>20</v>
      </c>
      <c r="Q71" s="75" t="s">
        <v>20</v>
      </c>
      <c r="R71" s="75" t="s">
        <v>20</v>
      </c>
      <c r="S71" s="75" t="s">
        <v>20</v>
      </c>
      <c r="T71" s="75" t="s">
        <v>20</v>
      </c>
      <c r="U71" s="75" t="s">
        <v>20</v>
      </c>
      <c r="V71" s="75" t="s">
        <v>20</v>
      </c>
      <c r="W71" s="75" t="s">
        <v>20</v>
      </c>
      <c r="X71" s="75" t="s">
        <v>20</v>
      </c>
      <c r="Y71" s="75" t="s">
        <v>20</v>
      </c>
      <c r="Z71" s="75" t="s">
        <v>20</v>
      </c>
      <c r="AA71" s="75" t="s">
        <v>20</v>
      </c>
      <c r="AB71" s="75" t="s">
        <v>20</v>
      </c>
      <c r="AC71" s="75" t="s">
        <v>20</v>
      </c>
      <c r="AD71" s="75" t="s">
        <v>20</v>
      </c>
      <c r="AE71" s="75" t="s">
        <v>20</v>
      </c>
      <c r="AF71" s="75" t="s">
        <v>20</v>
      </c>
      <c r="AG71" s="75" t="s">
        <v>20</v>
      </c>
      <c r="AH71" s="75" t="s">
        <v>20</v>
      </c>
      <c r="AI71" s="76" t="s">
        <v>20</v>
      </c>
      <c r="AJ71" s="77" t="s">
        <v>20</v>
      </c>
      <c r="AK71" s="78" t="s">
        <v>20</v>
      </c>
      <c r="AL71" s="83" t="s">
        <v>51</v>
      </c>
      <c r="AM71" s="72"/>
      <c r="AN71" s="79"/>
      <c r="AO71" s="80">
        <v>3521.1000000000004</v>
      </c>
      <c r="AP71" s="72">
        <v>2</v>
      </c>
      <c r="AQ71" s="81"/>
      <c r="AR71" s="77" t="s">
        <v>20</v>
      </c>
      <c r="AS71" s="72" t="s">
        <v>20</v>
      </c>
      <c r="AT71" s="81"/>
    </row>
    <row r="72" spans="1:46" hidden="1" x14ac:dyDescent="0.2">
      <c r="A72" s="84" t="s">
        <v>20</v>
      </c>
      <c r="B72" s="85" t="s">
        <v>20</v>
      </c>
      <c r="C72" s="86" t="s">
        <v>20</v>
      </c>
      <c r="D72" s="85" t="s">
        <v>20</v>
      </c>
      <c r="E72" s="84" t="s">
        <v>20</v>
      </c>
      <c r="F72" s="87" t="s">
        <v>20</v>
      </c>
      <c r="G72" s="87" t="s">
        <v>20</v>
      </c>
      <c r="H72" s="87" t="s">
        <v>20</v>
      </c>
      <c r="I72" s="87" t="s">
        <v>20</v>
      </c>
      <c r="J72" s="87" t="s">
        <v>20</v>
      </c>
      <c r="K72" s="87" t="s">
        <v>20</v>
      </c>
      <c r="L72" s="87" t="s">
        <v>20</v>
      </c>
      <c r="M72" s="87" t="s">
        <v>20</v>
      </c>
      <c r="N72" s="87" t="s">
        <v>20</v>
      </c>
      <c r="O72" s="87" t="s">
        <v>20</v>
      </c>
      <c r="P72" s="87" t="s">
        <v>20</v>
      </c>
      <c r="Q72" s="87" t="s">
        <v>20</v>
      </c>
      <c r="R72" s="87" t="s">
        <v>20</v>
      </c>
      <c r="S72" s="87" t="s">
        <v>20</v>
      </c>
      <c r="T72" s="87" t="s">
        <v>20</v>
      </c>
      <c r="U72" s="87" t="s">
        <v>20</v>
      </c>
      <c r="V72" s="87" t="s">
        <v>20</v>
      </c>
      <c r="W72" s="87" t="s">
        <v>20</v>
      </c>
      <c r="X72" s="87" t="s">
        <v>20</v>
      </c>
      <c r="Y72" s="87" t="s">
        <v>20</v>
      </c>
      <c r="Z72" s="87" t="s">
        <v>20</v>
      </c>
      <c r="AA72" s="87" t="s">
        <v>20</v>
      </c>
      <c r="AB72" s="87" t="s">
        <v>20</v>
      </c>
      <c r="AC72" s="87" t="s">
        <v>20</v>
      </c>
      <c r="AD72" s="87" t="s">
        <v>20</v>
      </c>
      <c r="AE72" s="87" t="s">
        <v>20</v>
      </c>
      <c r="AF72" s="87" t="s">
        <v>20</v>
      </c>
      <c r="AG72" s="87" t="s">
        <v>20</v>
      </c>
      <c r="AH72" s="87" t="s">
        <v>20</v>
      </c>
      <c r="AI72" s="88" t="s">
        <v>20</v>
      </c>
      <c r="AJ72" s="89" t="s">
        <v>20</v>
      </c>
      <c r="AK72" s="90" t="s">
        <v>20</v>
      </c>
      <c r="AL72" s="89" t="s">
        <v>20</v>
      </c>
      <c r="AM72" s="84" t="s">
        <v>20</v>
      </c>
      <c r="AN72" s="91"/>
      <c r="AO72" s="92" t="s">
        <v>20</v>
      </c>
      <c r="AP72" s="84" t="s">
        <v>20</v>
      </c>
      <c r="AQ72" s="93"/>
      <c r="AR72" s="89" t="s">
        <v>20</v>
      </c>
      <c r="AS72" s="84" t="s">
        <v>20</v>
      </c>
      <c r="AT72" s="93"/>
    </row>
    <row r="73" spans="1:46" s="48" customFormat="1" hidden="1" x14ac:dyDescent="0.2">
      <c r="A73" s="94" t="s">
        <v>20</v>
      </c>
      <c r="B73" s="95" t="s">
        <v>20</v>
      </c>
      <c r="C73" s="96" t="s">
        <v>20</v>
      </c>
      <c r="D73" s="95" t="s">
        <v>20</v>
      </c>
      <c r="E73" s="94" t="s">
        <v>20</v>
      </c>
      <c r="F73" s="97" t="s">
        <v>20</v>
      </c>
      <c r="G73" s="97" t="s">
        <v>20</v>
      </c>
      <c r="H73" s="97" t="s">
        <v>20</v>
      </c>
      <c r="I73" s="97" t="s">
        <v>20</v>
      </c>
      <c r="J73" s="97" t="s">
        <v>20</v>
      </c>
      <c r="K73" s="97" t="s">
        <v>20</v>
      </c>
      <c r="L73" s="97" t="s">
        <v>20</v>
      </c>
      <c r="M73" s="97" t="s">
        <v>20</v>
      </c>
      <c r="N73" s="97" t="s">
        <v>20</v>
      </c>
      <c r="O73" s="97" t="s">
        <v>20</v>
      </c>
      <c r="P73" s="97" t="s">
        <v>20</v>
      </c>
      <c r="Q73" s="97" t="s">
        <v>20</v>
      </c>
      <c r="R73" s="97" t="s">
        <v>20</v>
      </c>
      <c r="S73" s="97" t="s">
        <v>20</v>
      </c>
      <c r="T73" s="97" t="s">
        <v>20</v>
      </c>
      <c r="U73" s="97" t="s">
        <v>20</v>
      </c>
      <c r="V73" s="97" t="s">
        <v>20</v>
      </c>
      <c r="W73" s="97" t="s">
        <v>20</v>
      </c>
      <c r="X73" s="97" t="s">
        <v>20</v>
      </c>
      <c r="Y73" s="97" t="s">
        <v>20</v>
      </c>
      <c r="Z73" s="97" t="s">
        <v>20</v>
      </c>
      <c r="AA73" s="97" t="s">
        <v>20</v>
      </c>
      <c r="AB73" s="97" t="s">
        <v>20</v>
      </c>
      <c r="AC73" s="97" t="s">
        <v>20</v>
      </c>
      <c r="AD73" s="97" t="s">
        <v>20</v>
      </c>
      <c r="AE73" s="97" t="s">
        <v>20</v>
      </c>
      <c r="AF73" s="97" t="s">
        <v>20</v>
      </c>
      <c r="AG73" s="97" t="s">
        <v>20</v>
      </c>
      <c r="AH73" s="97" t="s">
        <v>20</v>
      </c>
      <c r="AI73" s="98" t="s">
        <v>20</v>
      </c>
      <c r="AJ73" s="99" t="s">
        <v>20</v>
      </c>
      <c r="AK73" s="100" t="s">
        <v>20</v>
      </c>
      <c r="AL73" s="99" t="s">
        <v>20</v>
      </c>
      <c r="AM73" s="94" t="s">
        <v>20</v>
      </c>
      <c r="AN73" s="101"/>
      <c r="AO73" s="102" t="s">
        <v>20</v>
      </c>
      <c r="AP73" s="94" t="s">
        <v>20</v>
      </c>
      <c r="AQ73" s="103"/>
      <c r="AR73" s="99" t="s">
        <v>20</v>
      </c>
      <c r="AS73" s="94" t="s">
        <v>20</v>
      </c>
      <c r="AT73" s="103"/>
    </row>
    <row r="74" spans="1:46" hidden="1" x14ac:dyDescent="0.2">
      <c r="A74" s="84" t="s">
        <v>20</v>
      </c>
      <c r="B74" s="85" t="s">
        <v>20</v>
      </c>
      <c r="C74" s="86" t="s">
        <v>20</v>
      </c>
      <c r="D74" s="85" t="s">
        <v>20</v>
      </c>
      <c r="E74" s="84" t="s">
        <v>20</v>
      </c>
      <c r="F74" s="87" t="s">
        <v>20</v>
      </c>
      <c r="G74" s="87" t="s">
        <v>20</v>
      </c>
      <c r="H74" s="87" t="s">
        <v>20</v>
      </c>
      <c r="I74" s="87" t="s">
        <v>20</v>
      </c>
      <c r="J74" s="87" t="s">
        <v>20</v>
      </c>
      <c r="K74" s="87" t="s">
        <v>20</v>
      </c>
      <c r="L74" s="87" t="s">
        <v>20</v>
      </c>
      <c r="M74" s="87" t="s">
        <v>20</v>
      </c>
      <c r="N74" s="87" t="s">
        <v>20</v>
      </c>
      <c r="O74" s="87" t="s">
        <v>20</v>
      </c>
      <c r="P74" s="87" t="s">
        <v>20</v>
      </c>
      <c r="Q74" s="87" t="s">
        <v>20</v>
      </c>
      <c r="R74" s="87" t="s">
        <v>20</v>
      </c>
      <c r="S74" s="87" t="s">
        <v>20</v>
      </c>
      <c r="T74" s="87" t="s">
        <v>20</v>
      </c>
      <c r="U74" s="87" t="s">
        <v>20</v>
      </c>
      <c r="V74" s="87" t="s">
        <v>20</v>
      </c>
      <c r="W74" s="87" t="s">
        <v>20</v>
      </c>
      <c r="X74" s="87" t="s">
        <v>20</v>
      </c>
      <c r="Y74" s="87" t="s">
        <v>20</v>
      </c>
      <c r="Z74" s="87" t="s">
        <v>20</v>
      </c>
      <c r="AA74" s="87" t="s">
        <v>20</v>
      </c>
      <c r="AB74" s="87" t="s">
        <v>20</v>
      </c>
      <c r="AC74" s="87" t="s">
        <v>20</v>
      </c>
      <c r="AD74" s="87" t="s">
        <v>20</v>
      </c>
      <c r="AE74" s="87" t="s">
        <v>20</v>
      </c>
      <c r="AF74" s="87" t="s">
        <v>20</v>
      </c>
      <c r="AG74" s="87" t="s">
        <v>20</v>
      </c>
      <c r="AH74" s="87" t="s">
        <v>20</v>
      </c>
      <c r="AI74" s="88" t="s">
        <v>20</v>
      </c>
      <c r="AJ74" s="89" t="s">
        <v>20</v>
      </c>
      <c r="AK74" s="90" t="s">
        <v>20</v>
      </c>
      <c r="AL74" s="89" t="s">
        <v>20</v>
      </c>
      <c r="AM74" s="84" t="s">
        <v>20</v>
      </c>
      <c r="AN74" s="91"/>
      <c r="AO74" s="92" t="s">
        <v>20</v>
      </c>
      <c r="AP74" s="84" t="s">
        <v>20</v>
      </c>
      <c r="AQ74" s="93"/>
      <c r="AR74" s="89" t="s">
        <v>20</v>
      </c>
      <c r="AS74" s="84" t="s">
        <v>20</v>
      </c>
      <c r="AT74" s="93"/>
    </row>
    <row r="75" spans="1:46" s="48" customFormat="1" hidden="1" x14ac:dyDescent="0.2">
      <c r="A75" s="94" t="s">
        <v>20</v>
      </c>
      <c r="B75" s="95" t="s">
        <v>20</v>
      </c>
      <c r="C75" s="96" t="s">
        <v>20</v>
      </c>
      <c r="D75" s="95" t="s">
        <v>20</v>
      </c>
      <c r="E75" s="94" t="s">
        <v>20</v>
      </c>
      <c r="F75" s="97" t="s">
        <v>20</v>
      </c>
      <c r="G75" s="97" t="s">
        <v>20</v>
      </c>
      <c r="H75" s="97" t="s">
        <v>20</v>
      </c>
      <c r="I75" s="97" t="s">
        <v>20</v>
      </c>
      <c r="J75" s="97" t="s">
        <v>20</v>
      </c>
      <c r="K75" s="97" t="s">
        <v>20</v>
      </c>
      <c r="L75" s="97" t="s">
        <v>20</v>
      </c>
      <c r="M75" s="97" t="s">
        <v>20</v>
      </c>
      <c r="N75" s="97" t="s">
        <v>20</v>
      </c>
      <c r="O75" s="97" t="s">
        <v>20</v>
      </c>
      <c r="P75" s="97" t="s">
        <v>20</v>
      </c>
      <c r="Q75" s="97" t="s">
        <v>20</v>
      </c>
      <c r="R75" s="97" t="s">
        <v>20</v>
      </c>
      <c r="S75" s="97" t="s">
        <v>20</v>
      </c>
      <c r="T75" s="97" t="s">
        <v>20</v>
      </c>
      <c r="U75" s="97" t="s">
        <v>20</v>
      </c>
      <c r="V75" s="97" t="s">
        <v>20</v>
      </c>
      <c r="W75" s="97" t="s">
        <v>20</v>
      </c>
      <c r="X75" s="97" t="s">
        <v>20</v>
      </c>
      <c r="Y75" s="97" t="s">
        <v>20</v>
      </c>
      <c r="Z75" s="97" t="s">
        <v>20</v>
      </c>
      <c r="AA75" s="97" t="s">
        <v>20</v>
      </c>
      <c r="AB75" s="97" t="s">
        <v>20</v>
      </c>
      <c r="AC75" s="97" t="s">
        <v>20</v>
      </c>
      <c r="AD75" s="97" t="s">
        <v>20</v>
      </c>
      <c r="AE75" s="97" t="s">
        <v>20</v>
      </c>
      <c r="AF75" s="97" t="s">
        <v>20</v>
      </c>
      <c r="AG75" s="97" t="s">
        <v>20</v>
      </c>
      <c r="AH75" s="97" t="s">
        <v>20</v>
      </c>
      <c r="AI75" s="98" t="s">
        <v>20</v>
      </c>
      <c r="AJ75" s="99" t="s">
        <v>20</v>
      </c>
      <c r="AK75" s="100" t="s">
        <v>20</v>
      </c>
      <c r="AL75" s="99" t="s">
        <v>20</v>
      </c>
      <c r="AM75" s="94" t="s">
        <v>20</v>
      </c>
      <c r="AN75" s="101"/>
      <c r="AO75" s="102" t="s">
        <v>20</v>
      </c>
      <c r="AP75" s="94" t="s">
        <v>20</v>
      </c>
      <c r="AQ75" s="103"/>
      <c r="AR75" s="99" t="s">
        <v>20</v>
      </c>
      <c r="AS75" s="94" t="s">
        <v>20</v>
      </c>
      <c r="AT75" s="103"/>
    </row>
    <row r="76" spans="1:46" hidden="1" x14ac:dyDescent="0.2">
      <c r="A76" s="84" t="s">
        <v>20</v>
      </c>
      <c r="B76" s="85" t="s">
        <v>20</v>
      </c>
      <c r="C76" s="86" t="s">
        <v>20</v>
      </c>
      <c r="D76" s="85" t="s">
        <v>20</v>
      </c>
      <c r="E76" s="84" t="s">
        <v>20</v>
      </c>
      <c r="F76" s="87" t="s">
        <v>20</v>
      </c>
      <c r="G76" s="87" t="s">
        <v>20</v>
      </c>
      <c r="H76" s="87" t="s">
        <v>20</v>
      </c>
      <c r="I76" s="87" t="s">
        <v>20</v>
      </c>
      <c r="J76" s="87" t="s">
        <v>20</v>
      </c>
      <c r="K76" s="87" t="s">
        <v>20</v>
      </c>
      <c r="L76" s="87" t="s">
        <v>20</v>
      </c>
      <c r="M76" s="87" t="s">
        <v>20</v>
      </c>
      <c r="N76" s="87" t="s">
        <v>20</v>
      </c>
      <c r="O76" s="87" t="s">
        <v>20</v>
      </c>
      <c r="P76" s="87" t="s">
        <v>20</v>
      </c>
      <c r="Q76" s="87" t="s">
        <v>20</v>
      </c>
      <c r="R76" s="87" t="s">
        <v>20</v>
      </c>
      <c r="S76" s="87" t="s">
        <v>20</v>
      </c>
      <c r="T76" s="87" t="s">
        <v>20</v>
      </c>
      <c r="U76" s="87" t="s">
        <v>20</v>
      </c>
      <c r="V76" s="87" t="s">
        <v>20</v>
      </c>
      <c r="W76" s="87" t="s">
        <v>20</v>
      </c>
      <c r="X76" s="87" t="s">
        <v>20</v>
      </c>
      <c r="Y76" s="87" t="s">
        <v>20</v>
      </c>
      <c r="Z76" s="87" t="s">
        <v>20</v>
      </c>
      <c r="AA76" s="87" t="s">
        <v>20</v>
      </c>
      <c r="AB76" s="87" t="s">
        <v>20</v>
      </c>
      <c r="AC76" s="87" t="s">
        <v>20</v>
      </c>
      <c r="AD76" s="87" t="s">
        <v>20</v>
      </c>
      <c r="AE76" s="87" t="s">
        <v>20</v>
      </c>
      <c r="AF76" s="87" t="s">
        <v>20</v>
      </c>
      <c r="AG76" s="87" t="s">
        <v>20</v>
      </c>
      <c r="AH76" s="87" t="s">
        <v>20</v>
      </c>
      <c r="AI76" s="88" t="s">
        <v>20</v>
      </c>
      <c r="AJ76" s="89" t="s">
        <v>20</v>
      </c>
      <c r="AK76" s="90" t="s">
        <v>20</v>
      </c>
      <c r="AL76" s="89" t="s">
        <v>20</v>
      </c>
      <c r="AM76" s="84" t="s">
        <v>20</v>
      </c>
      <c r="AN76" s="91"/>
      <c r="AO76" s="92" t="s">
        <v>20</v>
      </c>
      <c r="AP76" s="84" t="s">
        <v>20</v>
      </c>
      <c r="AQ76" s="93"/>
      <c r="AR76" s="89" t="s">
        <v>20</v>
      </c>
      <c r="AS76" s="84" t="s">
        <v>20</v>
      </c>
      <c r="AT76" s="93"/>
    </row>
    <row r="77" spans="1:46" s="48" customFormat="1" hidden="1" x14ac:dyDescent="0.2">
      <c r="A77" s="94" t="s">
        <v>20</v>
      </c>
      <c r="B77" s="95" t="s">
        <v>20</v>
      </c>
      <c r="C77" s="96" t="s">
        <v>20</v>
      </c>
      <c r="D77" s="95" t="s">
        <v>20</v>
      </c>
      <c r="E77" s="94" t="s">
        <v>20</v>
      </c>
      <c r="F77" s="97" t="s">
        <v>20</v>
      </c>
      <c r="G77" s="97" t="s">
        <v>20</v>
      </c>
      <c r="H77" s="97" t="s">
        <v>20</v>
      </c>
      <c r="I77" s="97" t="s">
        <v>20</v>
      </c>
      <c r="J77" s="97" t="s">
        <v>20</v>
      </c>
      <c r="K77" s="97" t="s">
        <v>20</v>
      </c>
      <c r="L77" s="97" t="s">
        <v>20</v>
      </c>
      <c r="M77" s="97" t="s">
        <v>20</v>
      </c>
      <c r="N77" s="97" t="s">
        <v>20</v>
      </c>
      <c r="O77" s="97" t="s">
        <v>20</v>
      </c>
      <c r="P77" s="97" t="s">
        <v>20</v>
      </c>
      <c r="Q77" s="97" t="s">
        <v>20</v>
      </c>
      <c r="R77" s="97" t="s">
        <v>20</v>
      </c>
      <c r="S77" s="97" t="s">
        <v>20</v>
      </c>
      <c r="T77" s="97" t="s">
        <v>20</v>
      </c>
      <c r="U77" s="97" t="s">
        <v>20</v>
      </c>
      <c r="V77" s="97" t="s">
        <v>20</v>
      </c>
      <c r="W77" s="97" t="s">
        <v>20</v>
      </c>
      <c r="X77" s="97" t="s">
        <v>20</v>
      </c>
      <c r="Y77" s="97" t="s">
        <v>20</v>
      </c>
      <c r="Z77" s="97" t="s">
        <v>20</v>
      </c>
      <c r="AA77" s="97" t="s">
        <v>20</v>
      </c>
      <c r="AB77" s="97" t="s">
        <v>20</v>
      </c>
      <c r="AC77" s="97" t="s">
        <v>20</v>
      </c>
      <c r="AD77" s="97" t="s">
        <v>20</v>
      </c>
      <c r="AE77" s="97" t="s">
        <v>20</v>
      </c>
      <c r="AF77" s="97" t="s">
        <v>20</v>
      </c>
      <c r="AG77" s="97" t="s">
        <v>20</v>
      </c>
      <c r="AH77" s="97" t="s">
        <v>20</v>
      </c>
      <c r="AI77" s="98" t="s">
        <v>20</v>
      </c>
      <c r="AJ77" s="99" t="s">
        <v>20</v>
      </c>
      <c r="AK77" s="100" t="s">
        <v>20</v>
      </c>
      <c r="AL77" s="99" t="s">
        <v>20</v>
      </c>
      <c r="AM77" s="94" t="s">
        <v>20</v>
      </c>
      <c r="AN77" s="101"/>
      <c r="AO77" s="102" t="s">
        <v>20</v>
      </c>
      <c r="AP77" s="94" t="s">
        <v>20</v>
      </c>
      <c r="AQ77" s="103"/>
      <c r="AR77" s="99" t="s">
        <v>20</v>
      </c>
      <c r="AS77" s="94" t="s">
        <v>20</v>
      </c>
      <c r="AT77" s="103"/>
    </row>
    <row r="78" spans="1:46" hidden="1" x14ac:dyDescent="0.2">
      <c r="A78" s="84" t="s">
        <v>20</v>
      </c>
      <c r="B78" s="85" t="s">
        <v>20</v>
      </c>
      <c r="C78" s="86" t="s">
        <v>20</v>
      </c>
      <c r="D78" s="85" t="s">
        <v>20</v>
      </c>
      <c r="E78" s="84" t="s">
        <v>20</v>
      </c>
      <c r="F78" s="87" t="s">
        <v>20</v>
      </c>
      <c r="G78" s="87" t="s">
        <v>20</v>
      </c>
      <c r="H78" s="87" t="s">
        <v>20</v>
      </c>
      <c r="I78" s="87" t="s">
        <v>20</v>
      </c>
      <c r="J78" s="87" t="s">
        <v>20</v>
      </c>
      <c r="K78" s="87" t="s">
        <v>20</v>
      </c>
      <c r="L78" s="87" t="s">
        <v>20</v>
      </c>
      <c r="M78" s="87" t="s">
        <v>20</v>
      </c>
      <c r="N78" s="87" t="s">
        <v>20</v>
      </c>
      <c r="O78" s="87" t="s">
        <v>20</v>
      </c>
      <c r="P78" s="87" t="s">
        <v>20</v>
      </c>
      <c r="Q78" s="87" t="s">
        <v>20</v>
      </c>
      <c r="R78" s="87" t="s">
        <v>20</v>
      </c>
      <c r="S78" s="87" t="s">
        <v>20</v>
      </c>
      <c r="T78" s="87" t="s">
        <v>20</v>
      </c>
      <c r="U78" s="87" t="s">
        <v>20</v>
      </c>
      <c r="V78" s="87" t="s">
        <v>20</v>
      </c>
      <c r="W78" s="87" t="s">
        <v>20</v>
      </c>
      <c r="X78" s="87" t="s">
        <v>20</v>
      </c>
      <c r="Y78" s="87" t="s">
        <v>20</v>
      </c>
      <c r="Z78" s="87" t="s">
        <v>20</v>
      </c>
      <c r="AA78" s="87" t="s">
        <v>20</v>
      </c>
      <c r="AB78" s="87" t="s">
        <v>20</v>
      </c>
      <c r="AC78" s="87" t="s">
        <v>20</v>
      </c>
      <c r="AD78" s="87" t="s">
        <v>20</v>
      </c>
      <c r="AE78" s="87" t="s">
        <v>20</v>
      </c>
      <c r="AF78" s="87" t="s">
        <v>20</v>
      </c>
      <c r="AG78" s="87" t="s">
        <v>20</v>
      </c>
      <c r="AH78" s="87" t="s">
        <v>20</v>
      </c>
      <c r="AI78" s="88" t="s">
        <v>20</v>
      </c>
      <c r="AJ78" s="89" t="s">
        <v>20</v>
      </c>
      <c r="AK78" s="90" t="s">
        <v>20</v>
      </c>
      <c r="AL78" s="89" t="s">
        <v>20</v>
      </c>
      <c r="AM78" s="84" t="s">
        <v>20</v>
      </c>
      <c r="AN78" s="91"/>
      <c r="AO78" s="92" t="s">
        <v>20</v>
      </c>
      <c r="AP78" s="84" t="s">
        <v>20</v>
      </c>
      <c r="AQ78" s="93"/>
      <c r="AR78" s="89" t="s">
        <v>20</v>
      </c>
      <c r="AS78" s="84" t="s">
        <v>20</v>
      </c>
      <c r="AT78" s="93"/>
    </row>
    <row r="79" spans="1:46" s="48" customFormat="1" hidden="1" x14ac:dyDescent="0.2">
      <c r="A79" s="94" t="s">
        <v>20</v>
      </c>
      <c r="B79" s="95" t="s">
        <v>20</v>
      </c>
      <c r="C79" s="96" t="s">
        <v>20</v>
      </c>
      <c r="D79" s="95" t="s">
        <v>20</v>
      </c>
      <c r="E79" s="94" t="s">
        <v>20</v>
      </c>
      <c r="F79" s="97" t="s">
        <v>20</v>
      </c>
      <c r="G79" s="97" t="s">
        <v>20</v>
      </c>
      <c r="H79" s="97" t="s">
        <v>20</v>
      </c>
      <c r="I79" s="97" t="s">
        <v>20</v>
      </c>
      <c r="J79" s="97" t="s">
        <v>20</v>
      </c>
      <c r="K79" s="97" t="s">
        <v>20</v>
      </c>
      <c r="L79" s="97" t="s">
        <v>20</v>
      </c>
      <c r="M79" s="97" t="s">
        <v>20</v>
      </c>
      <c r="N79" s="97" t="s">
        <v>20</v>
      </c>
      <c r="O79" s="97" t="s">
        <v>20</v>
      </c>
      <c r="P79" s="97" t="s">
        <v>20</v>
      </c>
      <c r="Q79" s="97" t="s">
        <v>20</v>
      </c>
      <c r="R79" s="97" t="s">
        <v>20</v>
      </c>
      <c r="S79" s="97" t="s">
        <v>20</v>
      </c>
      <c r="T79" s="97" t="s">
        <v>20</v>
      </c>
      <c r="U79" s="97" t="s">
        <v>20</v>
      </c>
      <c r="V79" s="97" t="s">
        <v>20</v>
      </c>
      <c r="W79" s="97" t="s">
        <v>20</v>
      </c>
      <c r="X79" s="97" t="s">
        <v>20</v>
      </c>
      <c r="Y79" s="97" t="s">
        <v>20</v>
      </c>
      <c r="Z79" s="97" t="s">
        <v>20</v>
      </c>
      <c r="AA79" s="97" t="s">
        <v>20</v>
      </c>
      <c r="AB79" s="97" t="s">
        <v>20</v>
      </c>
      <c r="AC79" s="97" t="s">
        <v>20</v>
      </c>
      <c r="AD79" s="97" t="s">
        <v>20</v>
      </c>
      <c r="AE79" s="97" t="s">
        <v>20</v>
      </c>
      <c r="AF79" s="97" t="s">
        <v>20</v>
      </c>
      <c r="AG79" s="97" t="s">
        <v>20</v>
      </c>
      <c r="AH79" s="97" t="s">
        <v>20</v>
      </c>
      <c r="AI79" s="98" t="s">
        <v>20</v>
      </c>
      <c r="AJ79" s="99" t="s">
        <v>20</v>
      </c>
      <c r="AK79" s="100" t="s">
        <v>20</v>
      </c>
      <c r="AL79" s="99" t="s">
        <v>20</v>
      </c>
      <c r="AM79" s="94" t="s">
        <v>20</v>
      </c>
      <c r="AN79" s="101"/>
      <c r="AO79" s="102" t="s">
        <v>20</v>
      </c>
      <c r="AP79" s="94" t="s">
        <v>20</v>
      </c>
      <c r="AQ79" s="103"/>
      <c r="AR79" s="99" t="s">
        <v>20</v>
      </c>
      <c r="AS79" s="94" t="s">
        <v>20</v>
      </c>
      <c r="AT79" s="103"/>
    </row>
    <row r="80" spans="1:46" hidden="1" x14ac:dyDescent="0.2">
      <c r="A80" s="84" t="s">
        <v>20</v>
      </c>
      <c r="B80" s="85" t="s">
        <v>20</v>
      </c>
      <c r="C80" s="86" t="s">
        <v>20</v>
      </c>
      <c r="D80" s="85" t="s">
        <v>20</v>
      </c>
      <c r="E80" s="84" t="s">
        <v>20</v>
      </c>
      <c r="F80" s="87" t="s">
        <v>20</v>
      </c>
      <c r="G80" s="87" t="s">
        <v>20</v>
      </c>
      <c r="H80" s="87" t="s">
        <v>20</v>
      </c>
      <c r="I80" s="87" t="s">
        <v>20</v>
      </c>
      <c r="J80" s="87" t="s">
        <v>20</v>
      </c>
      <c r="K80" s="87" t="s">
        <v>20</v>
      </c>
      <c r="L80" s="87" t="s">
        <v>20</v>
      </c>
      <c r="M80" s="87" t="s">
        <v>20</v>
      </c>
      <c r="N80" s="87" t="s">
        <v>20</v>
      </c>
      <c r="O80" s="87" t="s">
        <v>20</v>
      </c>
      <c r="P80" s="87" t="s">
        <v>20</v>
      </c>
      <c r="Q80" s="87" t="s">
        <v>20</v>
      </c>
      <c r="R80" s="87" t="s">
        <v>20</v>
      </c>
      <c r="S80" s="87" t="s">
        <v>20</v>
      </c>
      <c r="T80" s="87" t="s">
        <v>20</v>
      </c>
      <c r="U80" s="87" t="s">
        <v>20</v>
      </c>
      <c r="V80" s="87" t="s">
        <v>20</v>
      </c>
      <c r="W80" s="87" t="s">
        <v>20</v>
      </c>
      <c r="X80" s="87" t="s">
        <v>20</v>
      </c>
      <c r="Y80" s="87" t="s">
        <v>20</v>
      </c>
      <c r="Z80" s="87" t="s">
        <v>20</v>
      </c>
      <c r="AA80" s="87" t="s">
        <v>20</v>
      </c>
      <c r="AB80" s="87" t="s">
        <v>20</v>
      </c>
      <c r="AC80" s="87" t="s">
        <v>20</v>
      </c>
      <c r="AD80" s="87" t="s">
        <v>20</v>
      </c>
      <c r="AE80" s="87" t="s">
        <v>20</v>
      </c>
      <c r="AF80" s="87" t="s">
        <v>20</v>
      </c>
      <c r="AG80" s="87" t="s">
        <v>20</v>
      </c>
      <c r="AH80" s="87" t="s">
        <v>20</v>
      </c>
      <c r="AI80" s="88" t="s">
        <v>20</v>
      </c>
      <c r="AJ80" s="89" t="s">
        <v>20</v>
      </c>
      <c r="AK80" s="90" t="s">
        <v>20</v>
      </c>
      <c r="AL80" s="89" t="s">
        <v>20</v>
      </c>
      <c r="AM80" s="84" t="s">
        <v>20</v>
      </c>
      <c r="AN80" s="91"/>
      <c r="AO80" s="92" t="s">
        <v>20</v>
      </c>
      <c r="AP80" s="84" t="s">
        <v>20</v>
      </c>
      <c r="AQ80" s="93"/>
      <c r="AR80" s="89" t="s">
        <v>20</v>
      </c>
      <c r="AS80" s="84" t="s">
        <v>20</v>
      </c>
      <c r="AT80" s="93"/>
    </row>
    <row r="81" spans="1:46" s="48" customFormat="1" hidden="1" x14ac:dyDescent="0.2">
      <c r="A81" s="94" t="s">
        <v>20</v>
      </c>
      <c r="B81" s="95" t="s">
        <v>20</v>
      </c>
      <c r="C81" s="96" t="s">
        <v>20</v>
      </c>
      <c r="D81" s="95" t="s">
        <v>20</v>
      </c>
      <c r="E81" s="94" t="s">
        <v>20</v>
      </c>
      <c r="F81" s="97" t="s">
        <v>20</v>
      </c>
      <c r="G81" s="97" t="s">
        <v>20</v>
      </c>
      <c r="H81" s="97" t="s">
        <v>20</v>
      </c>
      <c r="I81" s="97" t="s">
        <v>20</v>
      </c>
      <c r="J81" s="97" t="s">
        <v>20</v>
      </c>
      <c r="K81" s="97" t="s">
        <v>20</v>
      </c>
      <c r="L81" s="97" t="s">
        <v>20</v>
      </c>
      <c r="M81" s="97" t="s">
        <v>20</v>
      </c>
      <c r="N81" s="97" t="s">
        <v>20</v>
      </c>
      <c r="O81" s="97" t="s">
        <v>20</v>
      </c>
      <c r="P81" s="97" t="s">
        <v>20</v>
      </c>
      <c r="Q81" s="97" t="s">
        <v>20</v>
      </c>
      <c r="R81" s="97" t="s">
        <v>20</v>
      </c>
      <c r="S81" s="97" t="s">
        <v>20</v>
      </c>
      <c r="T81" s="97" t="s">
        <v>20</v>
      </c>
      <c r="U81" s="97" t="s">
        <v>20</v>
      </c>
      <c r="V81" s="97" t="s">
        <v>20</v>
      </c>
      <c r="W81" s="97" t="s">
        <v>20</v>
      </c>
      <c r="X81" s="97" t="s">
        <v>20</v>
      </c>
      <c r="Y81" s="97" t="s">
        <v>20</v>
      </c>
      <c r="Z81" s="97" t="s">
        <v>20</v>
      </c>
      <c r="AA81" s="97" t="s">
        <v>20</v>
      </c>
      <c r="AB81" s="97" t="s">
        <v>20</v>
      </c>
      <c r="AC81" s="97" t="s">
        <v>20</v>
      </c>
      <c r="AD81" s="97" t="s">
        <v>20</v>
      </c>
      <c r="AE81" s="97" t="s">
        <v>20</v>
      </c>
      <c r="AF81" s="97" t="s">
        <v>20</v>
      </c>
      <c r="AG81" s="97" t="s">
        <v>20</v>
      </c>
      <c r="AH81" s="97" t="s">
        <v>20</v>
      </c>
      <c r="AI81" s="98" t="s">
        <v>20</v>
      </c>
      <c r="AJ81" s="99" t="s">
        <v>20</v>
      </c>
      <c r="AK81" s="100" t="s">
        <v>20</v>
      </c>
      <c r="AL81" s="99" t="s">
        <v>20</v>
      </c>
      <c r="AM81" s="94" t="s">
        <v>20</v>
      </c>
      <c r="AN81" s="101"/>
      <c r="AO81" s="102" t="s">
        <v>20</v>
      </c>
      <c r="AP81" s="94" t="s">
        <v>20</v>
      </c>
      <c r="AQ81" s="103"/>
      <c r="AR81" s="99" t="s">
        <v>20</v>
      </c>
      <c r="AS81" s="94" t="s">
        <v>20</v>
      </c>
      <c r="AT81" s="103"/>
    </row>
    <row r="82" spans="1:46" hidden="1" x14ac:dyDescent="0.2">
      <c r="A82" s="84" t="s">
        <v>20</v>
      </c>
      <c r="B82" s="85" t="s">
        <v>20</v>
      </c>
      <c r="C82" s="86" t="s">
        <v>20</v>
      </c>
      <c r="D82" s="85" t="s">
        <v>20</v>
      </c>
      <c r="E82" s="84" t="s">
        <v>20</v>
      </c>
      <c r="F82" s="87" t="s">
        <v>20</v>
      </c>
      <c r="G82" s="87" t="s">
        <v>20</v>
      </c>
      <c r="H82" s="87" t="s">
        <v>20</v>
      </c>
      <c r="I82" s="87" t="s">
        <v>20</v>
      </c>
      <c r="J82" s="87" t="s">
        <v>20</v>
      </c>
      <c r="K82" s="87" t="s">
        <v>20</v>
      </c>
      <c r="L82" s="87" t="s">
        <v>20</v>
      </c>
      <c r="M82" s="87" t="s">
        <v>20</v>
      </c>
      <c r="N82" s="87" t="s">
        <v>20</v>
      </c>
      <c r="O82" s="87" t="s">
        <v>20</v>
      </c>
      <c r="P82" s="87" t="s">
        <v>20</v>
      </c>
      <c r="Q82" s="87" t="s">
        <v>20</v>
      </c>
      <c r="R82" s="87" t="s">
        <v>20</v>
      </c>
      <c r="S82" s="87" t="s">
        <v>20</v>
      </c>
      <c r="T82" s="87" t="s">
        <v>20</v>
      </c>
      <c r="U82" s="87" t="s">
        <v>20</v>
      </c>
      <c r="V82" s="87" t="s">
        <v>20</v>
      </c>
      <c r="W82" s="87" t="s">
        <v>20</v>
      </c>
      <c r="X82" s="87" t="s">
        <v>20</v>
      </c>
      <c r="Y82" s="87" t="s">
        <v>20</v>
      </c>
      <c r="Z82" s="87" t="s">
        <v>20</v>
      </c>
      <c r="AA82" s="87" t="s">
        <v>20</v>
      </c>
      <c r="AB82" s="87" t="s">
        <v>20</v>
      </c>
      <c r="AC82" s="87" t="s">
        <v>20</v>
      </c>
      <c r="AD82" s="87" t="s">
        <v>20</v>
      </c>
      <c r="AE82" s="87" t="s">
        <v>20</v>
      </c>
      <c r="AF82" s="87" t="s">
        <v>20</v>
      </c>
      <c r="AG82" s="87" t="s">
        <v>20</v>
      </c>
      <c r="AH82" s="87" t="s">
        <v>20</v>
      </c>
      <c r="AI82" s="88" t="s">
        <v>20</v>
      </c>
      <c r="AJ82" s="89" t="s">
        <v>20</v>
      </c>
      <c r="AK82" s="90" t="s">
        <v>20</v>
      </c>
      <c r="AL82" s="89" t="s">
        <v>20</v>
      </c>
      <c r="AM82" s="84" t="s">
        <v>20</v>
      </c>
      <c r="AN82" s="91"/>
      <c r="AO82" s="92" t="s">
        <v>20</v>
      </c>
      <c r="AP82" s="84" t="s">
        <v>20</v>
      </c>
      <c r="AQ82" s="93"/>
      <c r="AR82" s="89" t="s">
        <v>20</v>
      </c>
      <c r="AS82" s="84" t="s">
        <v>20</v>
      </c>
      <c r="AT82" s="93"/>
    </row>
    <row r="83" spans="1:46" s="48" customFormat="1" hidden="1" x14ac:dyDescent="0.2">
      <c r="A83" s="94" t="s">
        <v>20</v>
      </c>
      <c r="B83" s="95" t="s">
        <v>20</v>
      </c>
      <c r="C83" s="96" t="s">
        <v>20</v>
      </c>
      <c r="D83" s="95" t="s">
        <v>20</v>
      </c>
      <c r="E83" s="94" t="s">
        <v>20</v>
      </c>
      <c r="F83" s="97" t="s">
        <v>20</v>
      </c>
      <c r="G83" s="97" t="s">
        <v>20</v>
      </c>
      <c r="H83" s="97" t="s">
        <v>20</v>
      </c>
      <c r="I83" s="97" t="s">
        <v>20</v>
      </c>
      <c r="J83" s="97" t="s">
        <v>20</v>
      </c>
      <c r="K83" s="97" t="s">
        <v>20</v>
      </c>
      <c r="L83" s="97" t="s">
        <v>20</v>
      </c>
      <c r="M83" s="97" t="s">
        <v>20</v>
      </c>
      <c r="N83" s="97" t="s">
        <v>20</v>
      </c>
      <c r="O83" s="97" t="s">
        <v>20</v>
      </c>
      <c r="P83" s="97" t="s">
        <v>20</v>
      </c>
      <c r="Q83" s="97" t="s">
        <v>20</v>
      </c>
      <c r="R83" s="97" t="s">
        <v>20</v>
      </c>
      <c r="S83" s="97" t="s">
        <v>20</v>
      </c>
      <c r="T83" s="97" t="s">
        <v>20</v>
      </c>
      <c r="U83" s="97" t="s">
        <v>20</v>
      </c>
      <c r="V83" s="97" t="s">
        <v>20</v>
      </c>
      <c r="W83" s="97" t="s">
        <v>20</v>
      </c>
      <c r="X83" s="97" t="s">
        <v>20</v>
      </c>
      <c r="Y83" s="97" t="s">
        <v>20</v>
      </c>
      <c r="Z83" s="97" t="s">
        <v>20</v>
      </c>
      <c r="AA83" s="97" t="s">
        <v>20</v>
      </c>
      <c r="AB83" s="97" t="s">
        <v>20</v>
      </c>
      <c r="AC83" s="97" t="s">
        <v>20</v>
      </c>
      <c r="AD83" s="97" t="s">
        <v>20</v>
      </c>
      <c r="AE83" s="97" t="s">
        <v>20</v>
      </c>
      <c r="AF83" s="97" t="s">
        <v>20</v>
      </c>
      <c r="AG83" s="97" t="s">
        <v>20</v>
      </c>
      <c r="AH83" s="97" t="s">
        <v>20</v>
      </c>
      <c r="AI83" s="98" t="s">
        <v>20</v>
      </c>
      <c r="AJ83" s="99" t="s">
        <v>20</v>
      </c>
      <c r="AK83" s="100" t="s">
        <v>20</v>
      </c>
      <c r="AL83" s="99" t="s">
        <v>20</v>
      </c>
      <c r="AM83" s="94" t="s">
        <v>20</v>
      </c>
      <c r="AN83" s="101"/>
      <c r="AO83" s="102" t="s">
        <v>20</v>
      </c>
      <c r="AP83" s="94" t="s">
        <v>20</v>
      </c>
      <c r="AQ83" s="103"/>
      <c r="AR83" s="99" t="s">
        <v>20</v>
      </c>
      <c r="AS83" s="94" t="s">
        <v>20</v>
      </c>
      <c r="AT83" s="103"/>
    </row>
    <row r="84" spans="1:46" hidden="1" x14ac:dyDescent="0.2">
      <c r="A84" s="84" t="s">
        <v>20</v>
      </c>
      <c r="B84" s="85" t="s">
        <v>20</v>
      </c>
      <c r="C84" s="86" t="s">
        <v>20</v>
      </c>
      <c r="D84" s="85" t="s">
        <v>20</v>
      </c>
      <c r="E84" s="84" t="s">
        <v>20</v>
      </c>
      <c r="F84" s="87" t="s">
        <v>20</v>
      </c>
      <c r="G84" s="87" t="s">
        <v>20</v>
      </c>
      <c r="H84" s="87" t="s">
        <v>20</v>
      </c>
      <c r="I84" s="87" t="s">
        <v>20</v>
      </c>
      <c r="J84" s="87" t="s">
        <v>20</v>
      </c>
      <c r="K84" s="87" t="s">
        <v>20</v>
      </c>
      <c r="L84" s="87" t="s">
        <v>20</v>
      </c>
      <c r="M84" s="87" t="s">
        <v>20</v>
      </c>
      <c r="N84" s="87" t="s">
        <v>20</v>
      </c>
      <c r="O84" s="87" t="s">
        <v>20</v>
      </c>
      <c r="P84" s="87" t="s">
        <v>20</v>
      </c>
      <c r="Q84" s="87" t="s">
        <v>20</v>
      </c>
      <c r="R84" s="87" t="s">
        <v>20</v>
      </c>
      <c r="S84" s="87" t="s">
        <v>20</v>
      </c>
      <c r="T84" s="87" t="s">
        <v>20</v>
      </c>
      <c r="U84" s="87" t="s">
        <v>20</v>
      </c>
      <c r="V84" s="87" t="s">
        <v>20</v>
      </c>
      <c r="W84" s="87" t="s">
        <v>20</v>
      </c>
      <c r="X84" s="87" t="s">
        <v>20</v>
      </c>
      <c r="Y84" s="87" t="s">
        <v>20</v>
      </c>
      <c r="Z84" s="87" t="s">
        <v>20</v>
      </c>
      <c r="AA84" s="87" t="s">
        <v>20</v>
      </c>
      <c r="AB84" s="87" t="s">
        <v>20</v>
      </c>
      <c r="AC84" s="87" t="s">
        <v>20</v>
      </c>
      <c r="AD84" s="87" t="s">
        <v>20</v>
      </c>
      <c r="AE84" s="87" t="s">
        <v>20</v>
      </c>
      <c r="AF84" s="87" t="s">
        <v>20</v>
      </c>
      <c r="AG84" s="87" t="s">
        <v>20</v>
      </c>
      <c r="AH84" s="87" t="s">
        <v>20</v>
      </c>
      <c r="AI84" s="88" t="s">
        <v>20</v>
      </c>
      <c r="AJ84" s="89" t="s">
        <v>20</v>
      </c>
      <c r="AK84" s="90" t="s">
        <v>20</v>
      </c>
      <c r="AL84" s="89" t="s">
        <v>20</v>
      </c>
      <c r="AM84" s="84" t="s">
        <v>20</v>
      </c>
      <c r="AN84" s="91"/>
      <c r="AO84" s="92" t="s">
        <v>20</v>
      </c>
      <c r="AP84" s="84" t="s">
        <v>20</v>
      </c>
      <c r="AQ84" s="93"/>
      <c r="AR84" s="89" t="s">
        <v>20</v>
      </c>
      <c r="AS84" s="84" t="s">
        <v>20</v>
      </c>
      <c r="AT84" s="93"/>
    </row>
    <row r="85" spans="1:46" s="48" customFormat="1" hidden="1" x14ac:dyDescent="0.2">
      <c r="A85" s="94" t="s">
        <v>20</v>
      </c>
      <c r="B85" s="95" t="s">
        <v>20</v>
      </c>
      <c r="C85" s="96" t="s">
        <v>20</v>
      </c>
      <c r="D85" s="95" t="s">
        <v>20</v>
      </c>
      <c r="E85" s="94" t="s">
        <v>20</v>
      </c>
      <c r="F85" s="97" t="s">
        <v>20</v>
      </c>
      <c r="G85" s="97" t="s">
        <v>20</v>
      </c>
      <c r="H85" s="97" t="s">
        <v>20</v>
      </c>
      <c r="I85" s="97" t="s">
        <v>20</v>
      </c>
      <c r="J85" s="97" t="s">
        <v>20</v>
      </c>
      <c r="K85" s="97" t="s">
        <v>20</v>
      </c>
      <c r="L85" s="97" t="s">
        <v>20</v>
      </c>
      <c r="M85" s="97" t="s">
        <v>20</v>
      </c>
      <c r="N85" s="97" t="s">
        <v>20</v>
      </c>
      <c r="O85" s="97" t="s">
        <v>20</v>
      </c>
      <c r="P85" s="97" t="s">
        <v>20</v>
      </c>
      <c r="Q85" s="97" t="s">
        <v>20</v>
      </c>
      <c r="R85" s="97" t="s">
        <v>20</v>
      </c>
      <c r="S85" s="97" t="s">
        <v>20</v>
      </c>
      <c r="T85" s="97" t="s">
        <v>20</v>
      </c>
      <c r="U85" s="97" t="s">
        <v>20</v>
      </c>
      <c r="V85" s="97" t="s">
        <v>20</v>
      </c>
      <c r="W85" s="97" t="s">
        <v>20</v>
      </c>
      <c r="X85" s="97" t="s">
        <v>20</v>
      </c>
      <c r="Y85" s="97" t="s">
        <v>20</v>
      </c>
      <c r="Z85" s="97" t="s">
        <v>20</v>
      </c>
      <c r="AA85" s="97" t="s">
        <v>20</v>
      </c>
      <c r="AB85" s="97" t="s">
        <v>20</v>
      </c>
      <c r="AC85" s="97" t="s">
        <v>20</v>
      </c>
      <c r="AD85" s="97" t="s">
        <v>20</v>
      </c>
      <c r="AE85" s="97" t="s">
        <v>20</v>
      </c>
      <c r="AF85" s="97" t="s">
        <v>20</v>
      </c>
      <c r="AG85" s="97" t="s">
        <v>20</v>
      </c>
      <c r="AH85" s="97" t="s">
        <v>20</v>
      </c>
      <c r="AI85" s="98" t="s">
        <v>20</v>
      </c>
      <c r="AJ85" s="99" t="s">
        <v>20</v>
      </c>
      <c r="AK85" s="100" t="s">
        <v>20</v>
      </c>
      <c r="AL85" s="99" t="s">
        <v>20</v>
      </c>
      <c r="AM85" s="94" t="s">
        <v>20</v>
      </c>
      <c r="AN85" s="101"/>
      <c r="AO85" s="102" t="s">
        <v>20</v>
      </c>
      <c r="AP85" s="94" t="s">
        <v>20</v>
      </c>
      <c r="AQ85" s="103"/>
      <c r="AR85" s="99" t="s">
        <v>20</v>
      </c>
      <c r="AS85" s="94" t="s">
        <v>20</v>
      </c>
      <c r="AT85" s="103"/>
    </row>
    <row r="86" spans="1:46" hidden="1" x14ac:dyDescent="0.2">
      <c r="A86" s="84" t="s">
        <v>20</v>
      </c>
      <c r="B86" s="85" t="s">
        <v>20</v>
      </c>
      <c r="C86" s="86" t="s">
        <v>20</v>
      </c>
      <c r="D86" s="85" t="s">
        <v>20</v>
      </c>
      <c r="E86" s="84" t="s">
        <v>20</v>
      </c>
      <c r="F86" s="87" t="s">
        <v>20</v>
      </c>
      <c r="G86" s="87" t="s">
        <v>20</v>
      </c>
      <c r="H86" s="87" t="s">
        <v>20</v>
      </c>
      <c r="I86" s="87" t="s">
        <v>20</v>
      </c>
      <c r="J86" s="87" t="s">
        <v>20</v>
      </c>
      <c r="K86" s="87" t="s">
        <v>20</v>
      </c>
      <c r="L86" s="87" t="s">
        <v>20</v>
      </c>
      <c r="M86" s="87" t="s">
        <v>20</v>
      </c>
      <c r="N86" s="87" t="s">
        <v>20</v>
      </c>
      <c r="O86" s="87" t="s">
        <v>20</v>
      </c>
      <c r="P86" s="87" t="s">
        <v>20</v>
      </c>
      <c r="Q86" s="87" t="s">
        <v>20</v>
      </c>
      <c r="R86" s="87" t="s">
        <v>20</v>
      </c>
      <c r="S86" s="87" t="s">
        <v>20</v>
      </c>
      <c r="T86" s="87" t="s">
        <v>20</v>
      </c>
      <c r="U86" s="87" t="s">
        <v>20</v>
      </c>
      <c r="V86" s="87" t="s">
        <v>20</v>
      </c>
      <c r="W86" s="87" t="s">
        <v>20</v>
      </c>
      <c r="X86" s="87" t="s">
        <v>20</v>
      </c>
      <c r="Y86" s="87" t="s">
        <v>20</v>
      </c>
      <c r="Z86" s="87" t="s">
        <v>20</v>
      </c>
      <c r="AA86" s="87" t="s">
        <v>20</v>
      </c>
      <c r="AB86" s="87" t="s">
        <v>20</v>
      </c>
      <c r="AC86" s="87" t="s">
        <v>20</v>
      </c>
      <c r="AD86" s="87" t="s">
        <v>20</v>
      </c>
      <c r="AE86" s="87" t="s">
        <v>20</v>
      </c>
      <c r="AF86" s="87" t="s">
        <v>20</v>
      </c>
      <c r="AG86" s="87" t="s">
        <v>20</v>
      </c>
      <c r="AH86" s="87" t="s">
        <v>20</v>
      </c>
      <c r="AI86" s="88" t="s">
        <v>20</v>
      </c>
      <c r="AJ86" s="89" t="s">
        <v>20</v>
      </c>
      <c r="AK86" s="90" t="s">
        <v>20</v>
      </c>
      <c r="AL86" s="89" t="s">
        <v>20</v>
      </c>
      <c r="AM86" s="84" t="s">
        <v>20</v>
      </c>
      <c r="AN86" s="91"/>
      <c r="AO86" s="92" t="s">
        <v>20</v>
      </c>
      <c r="AP86" s="84" t="s">
        <v>20</v>
      </c>
      <c r="AQ86" s="93"/>
      <c r="AR86" s="89" t="s">
        <v>20</v>
      </c>
      <c r="AS86" s="84" t="s">
        <v>20</v>
      </c>
      <c r="AT86" s="93"/>
    </row>
    <row r="87" spans="1:46" s="48" customFormat="1" hidden="1" x14ac:dyDescent="0.2">
      <c r="A87" s="94" t="s">
        <v>20</v>
      </c>
      <c r="B87" s="95" t="s">
        <v>20</v>
      </c>
      <c r="C87" s="96" t="s">
        <v>20</v>
      </c>
      <c r="D87" s="95" t="s">
        <v>20</v>
      </c>
      <c r="E87" s="94" t="s">
        <v>20</v>
      </c>
      <c r="F87" s="97" t="s">
        <v>20</v>
      </c>
      <c r="G87" s="97" t="s">
        <v>20</v>
      </c>
      <c r="H87" s="97" t="s">
        <v>20</v>
      </c>
      <c r="I87" s="97" t="s">
        <v>20</v>
      </c>
      <c r="J87" s="97" t="s">
        <v>20</v>
      </c>
      <c r="K87" s="97" t="s">
        <v>20</v>
      </c>
      <c r="L87" s="97" t="s">
        <v>20</v>
      </c>
      <c r="M87" s="97" t="s">
        <v>20</v>
      </c>
      <c r="N87" s="97" t="s">
        <v>20</v>
      </c>
      <c r="O87" s="97" t="s">
        <v>20</v>
      </c>
      <c r="P87" s="97" t="s">
        <v>20</v>
      </c>
      <c r="Q87" s="97" t="s">
        <v>20</v>
      </c>
      <c r="R87" s="97" t="s">
        <v>20</v>
      </c>
      <c r="S87" s="97" t="s">
        <v>20</v>
      </c>
      <c r="T87" s="97" t="s">
        <v>20</v>
      </c>
      <c r="U87" s="97" t="s">
        <v>20</v>
      </c>
      <c r="V87" s="97" t="s">
        <v>20</v>
      </c>
      <c r="W87" s="97" t="s">
        <v>20</v>
      </c>
      <c r="X87" s="97" t="s">
        <v>20</v>
      </c>
      <c r="Y87" s="97" t="s">
        <v>20</v>
      </c>
      <c r="Z87" s="97" t="s">
        <v>20</v>
      </c>
      <c r="AA87" s="97" t="s">
        <v>20</v>
      </c>
      <c r="AB87" s="97" t="s">
        <v>20</v>
      </c>
      <c r="AC87" s="97" t="s">
        <v>20</v>
      </c>
      <c r="AD87" s="97" t="s">
        <v>20</v>
      </c>
      <c r="AE87" s="97" t="s">
        <v>20</v>
      </c>
      <c r="AF87" s="97" t="s">
        <v>20</v>
      </c>
      <c r="AG87" s="97" t="s">
        <v>20</v>
      </c>
      <c r="AH87" s="97" t="s">
        <v>20</v>
      </c>
      <c r="AI87" s="98" t="s">
        <v>20</v>
      </c>
      <c r="AJ87" s="99" t="s">
        <v>20</v>
      </c>
      <c r="AK87" s="100" t="s">
        <v>20</v>
      </c>
      <c r="AL87" s="99" t="s">
        <v>20</v>
      </c>
      <c r="AM87" s="94" t="s">
        <v>20</v>
      </c>
      <c r="AN87" s="101"/>
      <c r="AO87" s="102" t="s">
        <v>20</v>
      </c>
      <c r="AP87" s="94" t="s">
        <v>20</v>
      </c>
      <c r="AQ87" s="103"/>
      <c r="AR87" s="99" t="s">
        <v>20</v>
      </c>
      <c r="AS87" s="94" t="s">
        <v>20</v>
      </c>
      <c r="AT87" s="103"/>
    </row>
    <row r="88" spans="1:46" hidden="1" x14ac:dyDescent="0.2">
      <c r="A88" s="84" t="s">
        <v>20</v>
      </c>
      <c r="B88" s="85" t="s">
        <v>20</v>
      </c>
      <c r="C88" s="86" t="s">
        <v>20</v>
      </c>
      <c r="D88" s="85" t="s">
        <v>20</v>
      </c>
      <c r="E88" s="84" t="s">
        <v>20</v>
      </c>
      <c r="F88" s="87" t="s">
        <v>20</v>
      </c>
      <c r="G88" s="87" t="s">
        <v>20</v>
      </c>
      <c r="H88" s="87" t="s">
        <v>20</v>
      </c>
      <c r="I88" s="87" t="s">
        <v>20</v>
      </c>
      <c r="J88" s="87" t="s">
        <v>20</v>
      </c>
      <c r="K88" s="87" t="s">
        <v>20</v>
      </c>
      <c r="L88" s="87" t="s">
        <v>20</v>
      </c>
      <c r="M88" s="87" t="s">
        <v>20</v>
      </c>
      <c r="N88" s="87" t="s">
        <v>20</v>
      </c>
      <c r="O88" s="87" t="s">
        <v>20</v>
      </c>
      <c r="P88" s="87" t="s">
        <v>20</v>
      </c>
      <c r="Q88" s="87" t="s">
        <v>20</v>
      </c>
      <c r="R88" s="87" t="s">
        <v>20</v>
      </c>
      <c r="S88" s="87" t="s">
        <v>20</v>
      </c>
      <c r="T88" s="87" t="s">
        <v>20</v>
      </c>
      <c r="U88" s="87" t="s">
        <v>20</v>
      </c>
      <c r="V88" s="87" t="s">
        <v>20</v>
      </c>
      <c r="W88" s="87" t="s">
        <v>20</v>
      </c>
      <c r="X88" s="87" t="s">
        <v>20</v>
      </c>
      <c r="Y88" s="87" t="s">
        <v>20</v>
      </c>
      <c r="Z88" s="87" t="s">
        <v>20</v>
      </c>
      <c r="AA88" s="87" t="s">
        <v>20</v>
      </c>
      <c r="AB88" s="87" t="s">
        <v>20</v>
      </c>
      <c r="AC88" s="87" t="s">
        <v>20</v>
      </c>
      <c r="AD88" s="87" t="s">
        <v>20</v>
      </c>
      <c r="AE88" s="87" t="s">
        <v>20</v>
      </c>
      <c r="AF88" s="87" t="s">
        <v>20</v>
      </c>
      <c r="AG88" s="87" t="s">
        <v>20</v>
      </c>
      <c r="AH88" s="87" t="s">
        <v>20</v>
      </c>
      <c r="AI88" s="88" t="s">
        <v>20</v>
      </c>
      <c r="AJ88" s="89" t="s">
        <v>20</v>
      </c>
      <c r="AK88" s="90" t="s">
        <v>20</v>
      </c>
      <c r="AL88" s="89" t="s">
        <v>20</v>
      </c>
      <c r="AM88" s="84" t="s">
        <v>20</v>
      </c>
      <c r="AN88" s="91"/>
      <c r="AO88" s="92" t="s">
        <v>20</v>
      </c>
      <c r="AP88" s="84" t="s">
        <v>20</v>
      </c>
      <c r="AQ88" s="93"/>
      <c r="AR88" s="89" t="s">
        <v>20</v>
      </c>
      <c r="AS88" s="84" t="s">
        <v>20</v>
      </c>
      <c r="AT88" s="93"/>
    </row>
    <row r="89" spans="1:46" s="48" customFormat="1" hidden="1" x14ac:dyDescent="0.2">
      <c r="A89" s="94" t="s">
        <v>20</v>
      </c>
      <c r="B89" s="95" t="s">
        <v>20</v>
      </c>
      <c r="C89" s="96" t="s">
        <v>20</v>
      </c>
      <c r="D89" s="95" t="s">
        <v>20</v>
      </c>
      <c r="E89" s="94" t="s">
        <v>20</v>
      </c>
      <c r="F89" s="97" t="s">
        <v>20</v>
      </c>
      <c r="G89" s="97" t="s">
        <v>20</v>
      </c>
      <c r="H89" s="97" t="s">
        <v>20</v>
      </c>
      <c r="I89" s="97" t="s">
        <v>20</v>
      </c>
      <c r="J89" s="97" t="s">
        <v>20</v>
      </c>
      <c r="K89" s="97" t="s">
        <v>20</v>
      </c>
      <c r="L89" s="97" t="s">
        <v>20</v>
      </c>
      <c r="M89" s="97" t="s">
        <v>20</v>
      </c>
      <c r="N89" s="97" t="s">
        <v>20</v>
      </c>
      <c r="O89" s="97" t="s">
        <v>20</v>
      </c>
      <c r="P89" s="97" t="s">
        <v>20</v>
      </c>
      <c r="Q89" s="97" t="s">
        <v>20</v>
      </c>
      <c r="R89" s="97" t="s">
        <v>20</v>
      </c>
      <c r="S89" s="97" t="s">
        <v>20</v>
      </c>
      <c r="T89" s="97" t="s">
        <v>20</v>
      </c>
      <c r="U89" s="97" t="s">
        <v>20</v>
      </c>
      <c r="V89" s="97" t="s">
        <v>20</v>
      </c>
      <c r="W89" s="97" t="s">
        <v>20</v>
      </c>
      <c r="X89" s="97" t="s">
        <v>20</v>
      </c>
      <c r="Y89" s="97" t="s">
        <v>20</v>
      </c>
      <c r="Z89" s="97" t="s">
        <v>20</v>
      </c>
      <c r="AA89" s="97" t="s">
        <v>20</v>
      </c>
      <c r="AB89" s="97" t="s">
        <v>20</v>
      </c>
      <c r="AC89" s="97" t="s">
        <v>20</v>
      </c>
      <c r="AD89" s="97" t="s">
        <v>20</v>
      </c>
      <c r="AE89" s="97" t="s">
        <v>20</v>
      </c>
      <c r="AF89" s="97" t="s">
        <v>20</v>
      </c>
      <c r="AG89" s="97" t="s">
        <v>20</v>
      </c>
      <c r="AH89" s="97" t="s">
        <v>20</v>
      </c>
      <c r="AI89" s="98" t="s">
        <v>20</v>
      </c>
      <c r="AJ89" s="99" t="s">
        <v>20</v>
      </c>
      <c r="AK89" s="100" t="s">
        <v>20</v>
      </c>
      <c r="AL89" s="99" t="s">
        <v>20</v>
      </c>
      <c r="AM89" s="94" t="s">
        <v>20</v>
      </c>
      <c r="AN89" s="101"/>
      <c r="AO89" s="102" t="s">
        <v>20</v>
      </c>
      <c r="AP89" s="94" t="s">
        <v>20</v>
      </c>
      <c r="AQ89" s="103"/>
      <c r="AR89" s="99" t="s">
        <v>20</v>
      </c>
      <c r="AS89" s="94" t="s">
        <v>20</v>
      </c>
      <c r="AT89" s="103"/>
    </row>
    <row r="90" spans="1:46" hidden="1" x14ac:dyDescent="0.2">
      <c r="A90" s="84" t="s">
        <v>20</v>
      </c>
      <c r="B90" s="85" t="s">
        <v>20</v>
      </c>
      <c r="C90" s="86" t="s">
        <v>20</v>
      </c>
      <c r="D90" s="85" t="s">
        <v>20</v>
      </c>
      <c r="E90" s="84" t="s">
        <v>20</v>
      </c>
      <c r="F90" s="87" t="s">
        <v>20</v>
      </c>
      <c r="G90" s="87" t="s">
        <v>20</v>
      </c>
      <c r="H90" s="87" t="s">
        <v>20</v>
      </c>
      <c r="I90" s="87" t="s">
        <v>20</v>
      </c>
      <c r="J90" s="87" t="s">
        <v>20</v>
      </c>
      <c r="K90" s="87" t="s">
        <v>20</v>
      </c>
      <c r="L90" s="87" t="s">
        <v>20</v>
      </c>
      <c r="M90" s="87" t="s">
        <v>20</v>
      </c>
      <c r="N90" s="87" t="s">
        <v>20</v>
      </c>
      <c r="O90" s="87" t="s">
        <v>20</v>
      </c>
      <c r="P90" s="87" t="s">
        <v>20</v>
      </c>
      <c r="Q90" s="87" t="s">
        <v>20</v>
      </c>
      <c r="R90" s="87" t="s">
        <v>20</v>
      </c>
      <c r="S90" s="87" t="s">
        <v>20</v>
      </c>
      <c r="T90" s="87" t="s">
        <v>20</v>
      </c>
      <c r="U90" s="87" t="s">
        <v>20</v>
      </c>
      <c r="V90" s="87" t="s">
        <v>20</v>
      </c>
      <c r="W90" s="87" t="s">
        <v>20</v>
      </c>
      <c r="X90" s="87" t="s">
        <v>20</v>
      </c>
      <c r="Y90" s="87" t="s">
        <v>20</v>
      </c>
      <c r="Z90" s="87" t="s">
        <v>20</v>
      </c>
      <c r="AA90" s="87" t="s">
        <v>20</v>
      </c>
      <c r="AB90" s="87" t="s">
        <v>20</v>
      </c>
      <c r="AC90" s="87" t="s">
        <v>20</v>
      </c>
      <c r="AD90" s="87" t="s">
        <v>20</v>
      </c>
      <c r="AE90" s="87" t="s">
        <v>20</v>
      </c>
      <c r="AF90" s="87" t="s">
        <v>20</v>
      </c>
      <c r="AG90" s="87" t="s">
        <v>20</v>
      </c>
      <c r="AH90" s="87" t="s">
        <v>20</v>
      </c>
      <c r="AI90" s="88" t="s">
        <v>20</v>
      </c>
      <c r="AJ90" s="89" t="s">
        <v>20</v>
      </c>
      <c r="AK90" s="90" t="s">
        <v>20</v>
      </c>
      <c r="AL90" s="89" t="s">
        <v>20</v>
      </c>
      <c r="AM90" s="84" t="s">
        <v>20</v>
      </c>
      <c r="AN90" s="91"/>
      <c r="AO90" s="92" t="s">
        <v>20</v>
      </c>
      <c r="AP90" s="84" t="s">
        <v>20</v>
      </c>
      <c r="AQ90" s="93"/>
      <c r="AR90" s="89" t="s">
        <v>20</v>
      </c>
      <c r="AS90" s="84" t="s">
        <v>20</v>
      </c>
      <c r="AT90" s="93"/>
    </row>
    <row r="91" spans="1:46" s="48" customFormat="1" hidden="1" x14ac:dyDescent="0.2">
      <c r="A91" s="94" t="s">
        <v>20</v>
      </c>
      <c r="B91" s="95" t="s">
        <v>20</v>
      </c>
      <c r="C91" s="96" t="s">
        <v>20</v>
      </c>
      <c r="D91" s="95" t="s">
        <v>20</v>
      </c>
      <c r="E91" s="94" t="s">
        <v>20</v>
      </c>
      <c r="F91" s="97" t="s">
        <v>20</v>
      </c>
      <c r="G91" s="97" t="s">
        <v>20</v>
      </c>
      <c r="H91" s="97" t="s">
        <v>20</v>
      </c>
      <c r="I91" s="97" t="s">
        <v>20</v>
      </c>
      <c r="J91" s="97" t="s">
        <v>20</v>
      </c>
      <c r="K91" s="97" t="s">
        <v>20</v>
      </c>
      <c r="L91" s="97" t="s">
        <v>20</v>
      </c>
      <c r="M91" s="97" t="s">
        <v>20</v>
      </c>
      <c r="N91" s="97" t="s">
        <v>20</v>
      </c>
      <c r="O91" s="97" t="s">
        <v>20</v>
      </c>
      <c r="P91" s="97" t="s">
        <v>20</v>
      </c>
      <c r="Q91" s="97" t="s">
        <v>20</v>
      </c>
      <c r="R91" s="97" t="s">
        <v>20</v>
      </c>
      <c r="S91" s="97" t="s">
        <v>20</v>
      </c>
      <c r="T91" s="97" t="s">
        <v>20</v>
      </c>
      <c r="U91" s="97" t="s">
        <v>20</v>
      </c>
      <c r="V91" s="97" t="s">
        <v>20</v>
      </c>
      <c r="W91" s="97" t="s">
        <v>20</v>
      </c>
      <c r="X91" s="97" t="s">
        <v>20</v>
      </c>
      <c r="Y91" s="97" t="s">
        <v>20</v>
      </c>
      <c r="Z91" s="97" t="s">
        <v>20</v>
      </c>
      <c r="AA91" s="97" t="s">
        <v>20</v>
      </c>
      <c r="AB91" s="97" t="s">
        <v>20</v>
      </c>
      <c r="AC91" s="97" t="s">
        <v>20</v>
      </c>
      <c r="AD91" s="97" t="s">
        <v>20</v>
      </c>
      <c r="AE91" s="97" t="s">
        <v>20</v>
      </c>
      <c r="AF91" s="97" t="s">
        <v>20</v>
      </c>
      <c r="AG91" s="97" t="s">
        <v>20</v>
      </c>
      <c r="AH91" s="97" t="s">
        <v>20</v>
      </c>
      <c r="AI91" s="98" t="s">
        <v>20</v>
      </c>
      <c r="AJ91" s="99" t="s">
        <v>20</v>
      </c>
      <c r="AK91" s="100" t="s">
        <v>20</v>
      </c>
      <c r="AL91" s="99" t="s">
        <v>20</v>
      </c>
      <c r="AM91" s="94" t="s">
        <v>20</v>
      </c>
      <c r="AN91" s="101"/>
      <c r="AO91" s="102" t="s">
        <v>20</v>
      </c>
      <c r="AP91" s="94" t="s">
        <v>20</v>
      </c>
      <c r="AQ91" s="103"/>
      <c r="AR91" s="99" t="s">
        <v>20</v>
      </c>
      <c r="AS91" s="94" t="s">
        <v>20</v>
      </c>
      <c r="AT91" s="103"/>
    </row>
    <row r="92" spans="1:46" hidden="1" x14ac:dyDescent="0.2">
      <c r="A92" s="84" t="s">
        <v>20</v>
      </c>
      <c r="B92" s="85" t="s">
        <v>20</v>
      </c>
      <c r="C92" s="86" t="s">
        <v>20</v>
      </c>
      <c r="D92" s="85" t="s">
        <v>20</v>
      </c>
      <c r="E92" s="84" t="s">
        <v>20</v>
      </c>
      <c r="F92" s="87" t="s">
        <v>20</v>
      </c>
      <c r="G92" s="87" t="s">
        <v>20</v>
      </c>
      <c r="H92" s="87" t="s">
        <v>20</v>
      </c>
      <c r="I92" s="87" t="s">
        <v>20</v>
      </c>
      <c r="J92" s="87" t="s">
        <v>20</v>
      </c>
      <c r="K92" s="87" t="s">
        <v>20</v>
      </c>
      <c r="L92" s="87" t="s">
        <v>20</v>
      </c>
      <c r="M92" s="87" t="s">
        <v>20</v>
      </c>
      <c r="N92" s="87" t="s">
        <v>20</v>
      </c>
      <c r="O92" s="87" t="s">
        <v>20</v>
      </c>
      <c r="P92" s="87" t="s">
        <v>20</v>
      </c>
      <c r="Q92" s="87" t="s">
        <v>20</v>
      </c>
      <c r="R92" s="87" t="s">
        <v>20</v>
      </c>
      <c r="S92" s="87" t="s">
        <v>20</v>
      </c>
      <c r="T92" s="87" t="s">
        <v>20</v>
      </c>
      <c r="U92" s="87" t="s">
        <v>20</v>
      </c>
      <c r="V92" s="87" t="s">
        <v>20</v>
      </c>
      <c r="W92" s="87" t="s">
        <v>20</v>
      </c>
      <c r="X92" s="87" t="s">
        <v>20</v>
      </c>
      <c r="Y92" s="87" t="s">
        <v>20</v>
      </c>
      <c r="Z92" s="87" t="s">
        <v>20</v>
      </c>
      <c r="AA92" s="87" t="s">
        <v>20</v>
      </c>
      <c r="AB92" s="87" t="s">
        <v>20</v>
      </c>
      <c r="AC92" s="87" t="s">
        <v>20</v>
      </c>
      <c r="AD92" s="87" t="s">
        <v>20</v>
      </c>
      <c r="AE92" s="87" t="s">
        <v>20</v>
      </c>
      <c r="AF92" s="87" t="s">
        <v>20</v>
      </c>
      <c r="AG92" s="87" t="s">
        <v>20</v>
      </c>
      <c r="AH92" s="87" t="s">
        <v>20</v>
      </c>
      <c r="AI92" s="88" t="s">
        <v>20</v>
      </c>
      <c r="AJ92" s="89" t="s">
        <v>20</v>
      </c>
      <c r="AK92" s="90" t="s">
        <v>20</v>
      </c>
      <c r="AL92" s="89" t="s">
        <v>20</v>
      </c>
      <c r="AM92" s="84" t="s">
        <v>20</v>
      </c>
      <c r="AN92" s="91"/>
      <c r="AO92" s="92" t="s">
        <v>20</v>
      </c>
      <c r="AP92" s="84" t="s">
        <v>20</v>
      </c>
      <c r="AQ92" s="93"/>
      <c r="AR92" s="89" t="s">
        <v>20</v>
      </c>
      <c r="AS92" s="84" t="s">
        <v>20</v>
      </c>
      <c r="AT92" s="93"/>
    </row>
    <row r="93" spans="1:46" s="82" customFormat="1" hidden="1" x14ac:dyDescent="0.2">
      <c r="A93" s="104" t="s">
        <v>20</v>
      </c>
      <c r="B93" s="105" t="s">
        <v>20</v>
      </c>
      <c r="C93" s="106" t="s">
        <v>20</v>
      </c>
      <c r="D93" s="105" t="s">
        <v>20</v>
      </c>
      <c r="E93" s="104" t="s">
        <v>20</v>
      </c>
      <c r="F93" s="107" t="s">
        <v>20</v>
      </c>
      <c r="G93" s="107" t="s">
        <v>20</v>
      </c>
      <c r="H93" s="107" t="s">
        <v>20</v>
      </c>
      <c r="I93" s="107" t="s">
        <v>20</v>
      </c>
      <c r="J93" s="107" t="s">
        <v>20</v>
      </c>
      <c r="K93" s="107" t="s">
        <v>20</v>
      </c>
      <c r="L93" s="107" t="s">
        <v>20</v>
      </c>
      <c r="M93" s="107" t="s">
        <v>20</v>
      </c>
      <c r="N93" s="107" t="s">
        <v>20</v>
      </c>
      <c r="O93" s="107" t="s">
        <v>20</v>
      </c>
      <c r="P93" s="107" t="s">
        <v>20</v>
      </c>
      <c r="Q93" s="107" t="s">
        <v>20</v>
      </c>
      <c r="R93" s="107" t="s">
        <v>20</v>
      </c>
      <c r="S93" s="107" t="s">
        <v>20</v>
      </c>
      <c r="T93" s="107" t="s">
        <v>20</v>
      </c>
      <c r="U93" s="107" t="s">
        <v>20</v>
      </c>
      <c r="V93" s="107" t="s">
        <v>20</v>
      </c>
      <c r="W93" s="107" t="s">
        <v>20</v>
      </c>
      <c r="X93" s="107" t="s">
        <v>20</v>
      </c>
      <c r="Y93" s="107" t="s">
        <v>20</v>
      </c>
      <c r="Z93" s="107" t="s">
        <v>20</v>
      </c>
      <c r="AA93" s="107" t="s">
        <v>20</v>
      </c>
      <c r="AB93" s="107" t="s">
        <v>20</v>
      </c>
      <c r="AC93" s="107" t="s">
        <v>20</v>
      </c>
      <c r="AD93" s="107" t="s">
        <v>20</v>
      </c>
      <c r="AE93" s="107" t="s">
        <v>20</v>
      </c>
      <c r="AF93" s="107" t="s">
        <v>20</v>
      </c>
      <c r="AG93" s="107" t="s">
        <v>20</v>
      </c>
      <c r="AH93" s="107" t="s">
        <v>20</v>
      </c>
      <c r="AI93" s="108" t="s">
        <v>20</v>
      </c>
      <c r="AJ93" s="109" t="s">
        <v>20</v>
      </c>
      <c r="AK93" s="110" t="s">
        <v>20</v>
      </c>
      <c r="AL93" s="109" t="s">
        <v>20</v>
      </c>
      <c r="AM93" s="104" t="s">
        <v>20</v>
      </c>
      <c r="AN93" s="111"/>
      <c r="AO93" s="112" t="s">
        <v>20</v>
      </c>
      <c r="AP93" s="104" t="s">
        <v>20</v>
      </c>
      <c r="AQ93" s="113"/>
      <c r="AR93" s="109" t="s">
        <v>20</v>
      </c>
      <c r="AS93" s="104" t="s">
        <v>20</v>
      </c>
      <c r="AT93" s="113"/>
    </row>
    <row r="94" spans="1:46" ht="18" customHeight="1" x14ac:dyDescent="0.2">
      <c r="A94" s="114"/>
      <c r="B94" s="115"/>
      <c r="C94" s="115"/>
      <c r="D94" s="115"/>
      <c r="E94" s="116"/>
      <c r="F94" s="115"/>
      <c r="G94" s="115"/>
      <c r="H94" s="115"/>
      <c r="I94" s="115"/>
      <c r="J94" s="115"/>
      <c r="K94" s="115"/>
      <c r="L94" s="115"/>
      <c r="M94" s="115"/>
      <c r="N94" s="115"/>
      <c r="O94" s="115"/>
      <c r="P94" s="115"/>
      <c r="Q94" s="115"/>
      <c r="R94" s="115"/>
      <c r="S94" s="115"/>
      <c r="T94" s="115"/>
      <c r="U94" s="115"/>
      <c r="V94" s="115"/>
      <c r="W94" s="115"/>
      <c r="X94" s="115"/>
      <c r="Y94" s="115"/>
      <c r="Z94" s="115"/>
      <c r="AA94" s="115"/>
      <c r="AB94" s="115"/>
      <c r="AC94" s="115"/>
      <c r="AD94" s="115"/>
      <c r="AE94" s="115"/>
      <c r="AF94" s="115"/>
      <c r="AG94" s="115"/>
      <c r="AH94" s="115"/>
      <c r="AI94" s="115"/>
      <c r="AJ94" s="115"/>
      <c r="AK94" s="115"/>
      <c r="AL94" s="115"/>
      <c r="AM94" s="117"/>
      <c r="AN94" s="117"/>
      <c r="AO94" s="115"/>
      <c r="AP94" s="115"/>
      <c r="AQ94" s="115"/>
      <c r="AR94" s="115"/>
      <c r="AS94" s="115"/>
      <c r="AT94" s="118" t="s">
        <v>230</v>
      </c>
    </row>
    <row r="95" spans="1:46" ht="18" customHeight="1" x14ac:dyDescent="0.2">
      <c r="A95" s="115"/>
      <c r="B95" s="115"/>
      <c r="C95" s="115"/>
      <c r="D95" s="115"/>
      <c r="E95" s="116"/>
      <c r="F95" s="115"/>
      <c r="G95" s="115"/>
      <c r="H95" s="115"/>
      <c r="I95" s="115"/>
      <c r="J95" s="115"/>
      <c r="K95" s="115"/>
      <c r="L95" s="115"/>
      <c r="M95" s="115"/>
      <c r="N95" s="115"/>
      <c r="O95" s="115"/>
      <c r="P95" s="115"/>
      <c r="Q95" s="115"/>
      <c r="R95" s="115"/>
      <c r="S95" s="115"/>
      <c r="T95" s="115"/>
      <c r="U95" s="115"/>
      <c r="V95" s="115"/>
      <c r="W95" s="115"/>
      <c r="X95" s="115"/>
      <c r="Y95" s="115"/>
      <c r="Z95" s="115"/>
      <c r="AA95" s="115"/>
      <c r="AB95" s="115"/>
      <c r="AC95" s="115"/>
      <c r="AD95" s="115"/>
      <c r="AE95" s="115"/>
      <c r="AF95" s="115"/>
      <c r="AG95" s="115"/>
      <c r="AH95" s="115"/>
      <c r="AI95" s="115"/>
      <c r="AJ95" s="115"/>
      <c r="AK95" s="115"/>
      <c r="AL95" s="115"/>
      <c r="AM95" s="117"/>
      <c r="AN95" s="117"/>
      <c r="AO95" s="115"/>
      <c r="AP95" s="115"/>
      <c r="AQ95" s="115"/>
      <c r="AR95" s="115"/>
      <c r="AS95" s="115"/>
      <c r="AT95" s="118"/>
    </row>
    <row r="96" spans="1:46" ht="18" customHeight="1" x14ac:dyDescent="0.2">
      <c r="A96" s="115" t="s">
        <v>231</v>
      </c>
      <c r="B96" s="115"/>
      <c r="C96" s="115"/>
      <c r="D96" s="115"/>
      <c r="E96" s="116"/>
      <c r="F96" s="115"/>
      <c r="G96" s="115"/>
      <c r="H96" s="115"/>
      <c r="I96" s="115"/>
      <c r="J96" s="115"/>
      <c r="K96" s="115"/>
      <c r="L96" s="115"/>
      <c r="M96" s="115"/>
      <c r="N96" s="115"/>
      <c r="O96" s="115"/>
      <c r="P96" s="115"/>
      <c r="Q96" s="115"/>
      <c r="R96" s="115"/>
      <c r="S96" s="115"/>
      <c r="T96" s="115"/>
      <c r="U96" s="115"/>
      <c r="V96" s="115"/>
      <c r="W96" s="115"/>
      <c r="X96" s="115"/>
      <c r="Y96" s="115"/>
      <c r="Z96" s="115"/>
      <c r="AA96" s="115"/>
      <c r="AB96" s="115"/>
      <c r="AC96" s="115"/>
      <c r="AD96" s="115"/>
      <c r="AE96" s="115"/>
      <c r="AF96" s="115"/>
      <c r="AG96" s="115"/>
      <c r="AH96" s="115"/>
      <c r="AI96" s="115"/>
      <c r="AJ96" s="115"/>
      <c r="AK96" s="115"/>
      <c r="AL96" s="115"/>
      <c r="AM96" s="117"/>
      <c r="AN96" s="117"/>
      <c r="AO96" s="115"/>
      <c r="AP96" s="115"/>
      <c r="AQ96" s="115"/>
      <c r="AR96" s="115"/>
      <c r="AS96" s="115"/>
      <c r="AT96" s="118"/>
    </row>
    <row r="97" spans="1:46" ht="18" customHeight="1" x14ac:dyDescent="0.2">
      <c r="A97" s="115" t="s">
        <v>232</v>
      </c>
      <c r="B97" s="115"/>
      <c r="C97" s="115"/>
      <c r="D97" s="115"/>
      <c r="E97" s="116"/>
      <c r="F97" s="115"/>
      <c r="G97" s="115"/>
      <c r="H97" s="115"/>
      <c r="I97" s="115"/>
      <c r="J97" s="115"/>
      <c r="K97" s="115"/>
      <c r="L97" s="115"/>
      <c r="M97" s="115"/>
      <c r="N97" s="115"/>
      <c r="O97" s="115"/>
      <c r="P97" s="115"/>
      <c r="Q97" s="115"/>
      <c r="R97" s="115"/>
      <c r="S97" s="115"/>
      <c r="T97" s="115"/>
      <c r="U97" s="115"/>
      <c r="V97" s="115"/>
      <c r="W97" s="115"/>
      <c r="X97" s="115"/>
      <c r="Y97" s="115"/>
      <c r="Z97" s="115"/>
      <c r="AA97" s="115"/>
      <c r="AB97" s="115"/>
      <c r="AC97" s="115"/>
      <c r="AD97" s="115"/>
      <c r="AE97" s="115"/>
      <c r="AF97" s="115"/>
      <c r="AG97" s="115"/>
      <c r="AH97" s="115"/>
      <c r="AI97" s="115"/>
      <c r="AJ97" s="115"/>
      <c r="AK97" s="115"/>
      <c r="AL97" s="115"/>
      <c r="AM97" s="117"/>
      <c r="AN97" s="117"/>
      <c r="AO97" s="115"/>
      <c r="AP97" s="115"/>
      <c r="AQ97" s="115"/>
      <c r="AR97" s="115"/>
      <c r="AS97" s="115"/>
      <c r="AT97" s="118"/>
    </row>
    <row r="98" spans="1:46" ht="18" customHeight="1" x14ac:dyDescent="0.2">
      <c r="A98" s="115" t="s">
        <v>233</v>
      </c>
      <c r="B98" s="115"/>
      <c r="C98" s="115"/>
      <c r="D98" s="115"/>
      <c r="E98" s="116"/>
      <c r="F98" s="115"/>
      <c r="G98" s="115"/>
      <c r="H98" s="115"/>
      <c r="I98" s="115"/>
      <c r="J98" s="115"/>
      <c r="K98" s="115"/>
      <c r="L98" s="115"/>
      <c r="M98" s="115"/>
      <c r="N98" s="115"/>
      <c r="O98" s="115"/>
      <c r="P98" s="115"/>
      <c r="Q98" s="115"/>
      <c r="R98" s="115"/>
      <c r="S98" s="115"/>
      <c r="T98" s="115"/>
      <c r="U98" s="115"/>
      <c r="V98" s="115"/>
      <c r="W98" s="115"/>
      <c r="X98" s="115"/>
      <c r="Y98" s="115"/>
      <c r="Z98" s="115"/>
      <c r="AA98" s="115"/>
      <c r="AB98" s="115"/>
      <c r="AC98" s="115"/>
      <c r="AD98" s="115"/>
      <c r="AE98" s="115"/>
      <c r="AF98" s="115"/>
      <c r="AG98" s="115"/>
      <c r="AH98" s="115"/>
      <c r="AI98" s="115"/>
      <c r="AJ98" s="115"/>
      <c r="AK98" s="115"/>
      <c r="AL98" s="115"/>
      <c r="AM98" s="117"/>
      <c r="AN98" s="117"/>
      <c r="AO98" s="115"/>
      <c r="AP98" s="115"/>
      <c r="AQ98" s="115"/>
      <c r="AR98" s="115"/>
      <c r="AS98" s="115"/>
      <c r="AT98" s="118"/>
    </row>
    <row r="99" spans="1:46" ht="18" customHeight="1" x14ac:dyDescent="0.2">
      <c r="A99" s="115" t="s">
        <v>234</v>
      </c>
      <c r="B99" s="115"/>
      <c r="C99" s="115"/>
      <c r="D99" s="115"/>
      <c r="E99" s="116"/>
      <c r="F99" s="115"/>
      <c r="G99" s="115"/>
      <c r="H99" s="115"/>
      <c r="I99" s="115"/>
      <c r="J99" s="115"/>
      <c r="K99" s="115"/>
      <c r="L99" s="115"/>
      <c r="M99" s="115"/>
      <c r="N99" s="115"/>
      <c r="O99" s="115"/>
      <c r="P99" s="115" t="s">
        <v>235</v>
      </c>
      <c r="Q99" s="115"/>
      <c r="R99" s="115"/>
      <c r="S99" s="115"/>
      <c r="T99" s="115"/>
      <c r="U99" s="115"/>
      <c r="V99" s="115"/>
      <c r="W99" s="115"/>
      <c r="X99" s="115"/>
      <c r="Y99" s="115"/>
      <c r="Z99" s="115"/>
      <c r="AA99" s="115"/>
      <c r="AB99" s="115"/>
      <c r="AC99" s="115"/>
      <c r="AD99" s="115"/>
      <c r="AE99" s="115"/>
      <c r="AF99" s="115"/>
      <c r="AG99" s="115"/>
      <c r="AH99" s="115"/>
      <c r="AI99" s="115"/>
      <c r="AJ99" s="115"/>
      <c r="AK99" s="115"/>
      <c r="AL99" s="115"/>
      <c r="AM99" s="117"/>
      <c r="AN99" s="117"/>
      <c r="AO99" s="115"/>
      <c r="AP99" s="115"/>
      <c r="AQ99" s="115"/>
      <c r="AR99" s="115"/>
      <c r="AS99" s="115"/>
      <c r="AT99" s="118"/>
    </row>
    <row r="100" spans="1:46" ht="18" customHeight="1" x14ac:dyDescent="0.2">
      <c r="A100" s="115"/>
      <c r="B100" s="115"/>
      <c r="C100" s="115"/>
      <c r="D100" s="115"/>
      <c r="E100" s="116"/>
      <c r="F100" s="115"/>
      <c r="G100" s="115"/>
      <c r="H100" s="115"/>
      <c r="I100" s="115"/>
      <c r="J100" s="115"/>
      <c r="K100" s="115"/>
      <c r="L100" s="115"/>
      <c r="M100" s="115"/>
      <c r="N100" s="115"/>
      <c r="O100" s="115"/>
      <c r="P100" s="115"/>
      <c r="Q100" s="115"/>
      <c r="R100" s="115"/>
      <c r="S100" s="115"/>
      <c r="T100" s="115"/>
      <c r="U100" s="115"/>
      <c r="V100" s="115"/>
      <c r="W100" s="115"/>
      <c r="X100" s="115"/>
      <c r="Y100" s="115"/>
      <c r="Z100" s="115"/>
      <c r="AA100" s="115"/>
      <c r="AB100" s="115"/>
      <c r="AC100" s="115"/>
      <c r="AD100" s="115"/>
      <c r="AE100" s="115"/>
      <c r="AF100" s="115"/>
      <c r="AG100" s="115"/>
      <c r="AH100" s="115"/>
      <c r="AI100" s="115"/>
      <c r="AJ100" s="115"/>
      <c r="AK100" s="115"/>
      <c r="AL100" s="115"/>
      <c r="AM100" s="117"/>
      <c r="AN100" s="117"/>
      <c r="AO100" s="115"/>
      <c r="AP100" s="115"/>
      <c r="AQ100" s="115"/>
      <c r="AR100" s="115"/>
      <c r="AS100" s="115"/>
      <c r="AT100" s="118"/>
    </row>
    <row r="101" spans="1:46" ht="18" customHeight="1" x14ac:dyDescent="0.2">
      <c r="A101" s="115"/>
      <c r="B101" s="115"/>
      <c r="C101" s="115"/>
      <c r="D101" s="115"/>
      <c r="E101" s="116"/>
      <c r="F101" s="115"/>
      <c r="G101" s="115"/>
      <c r="H101" s="115"/>
      <c r="I101" s="115"/>
      <c r="J101" s="115"/>
      <c r="K101" s="115"/>
      <c r="L101" s="115"/>
      <c r="M101" s="115"/>
      <c r="N101" s="115"/>
      <c r="O101" s="115"/>
      <c r="P101" s="115"/>
      <c r="Q101" s="115"/>
      <c r="R101" s="115"/>
      <c r="S101" s="115"/>
      <c r="T101" s="115"/>
      <c r="U101" s="115"/>
      <c r="V101" s="115"/>
      <c r="W101" s="115"/>
      <c r="X101" s="115"/>
      <c r="Y101" s="115"/>
      <c r="Z101" s="115"/>
      <c r="AA101" s="115"/>
      <c r="AB101" s="115"/>
      <c r="AC101" s="115"/>
      <c r="AD101" s="115"/>
      <c r="AE101" s="115"/>
      <c r="AF101" s="115"/>
      <c r="AG101" s="115"/>
      <c r="AH101" s="115"/>
      <c r="AI101" s="115"/>
      <c r="AJ101" s="115"/>
      <c r="AK101" s="115"/>
      <c r="AL101" s="115"/>
      <c r="AM101" s="117"/>
      <c r="AN101" s="117"/>
      <c r="AO101" s="115"/>
      <c r="AP101" s="115"/>
      <c r="AQ101" s="115"/>
      <c r="AR101" s="115"/>
      <c r="AS101" s="115"/>
      <c r="AT101" s="118"/>
    </row>
    <row r="102" spans="1:46" ht="18" customHeight="1" x14ac:dyDescent="0.2">
      <c r="A102" s="115"/>
      <c r="B102" s="115"/>
      <c r="C102" s="115"/>
      <c r="D102" s="115"/>
      <c r="E102" s="116"/>
      <c r="F102" s="115"/>
      <c r="G102" s="115"/>
      <c r="H102" s="115"/>
      <c r="I102" s="115"/>
      <c r="J102" s="115"/>
      <c r="K102" s="115"/>
      <c r="L102" s="115"/>
      <c r="M102" s="115"/>
      <c r="N102" s="115"/>
      <c r="O102" s="115"/>
      <c r="P102" s="115"/>
      <c r="Q102" s="115"/>
      <c r="R102" s="115"/>
      <c r="S102" s="115"/>
      <c r="T102" s="115"/>
      <c r="U102" s="115"/>
      <c r="V102" s="115"/>
      <c r="W102" s="115"/>
      <c r="X102" s="115"/>
      <c r="Y102" s="115"/>
      <c r="Z102" s="115"/>
      <c r="AA102" s="115"/>
      <c r="AB102" s="115"/>
      <c r="AC102" s="115"/>
      <c r="AD102" s="115"/>
      <c r="AE102" s="115"/>
      <c r="AF102" s="115"/>
      <c r="AG102" s="115"/>
      <c r="AH102" s="115"/>
      <c r="AI102" s="115"/>
      <c r="AJ102" s="115"/>
      <c r="AK102" s="115"/>
      <c r="AL102" s="115"/>
      <c r="AM102" s="117"/>
      <c r="AN102" s="117"/>
      <c r="AO102" s="115"/>
      <c r="AP102" s="115"/>
      <c r="AQ102" s="115"/>
      <c r="AR102" s="115"/>
      <c r="AS102" s="115"/>
      <c r="AT102" s="118"/>
    </row>
    <row r="103" spans="1:46" ht="18" customHeight="1" x14ac:dyDescent="0.3">
      <c r="A103" s="119" t="s">
        <v>236</v>
      </c>
      <c r="B103" s="115"/>
      <c r="C103" s="115"/>
      <c r="D103" s="115"/>
      <c r="E103" s="116"/>
      <c r="F103" s="115"/>
      <c r="G103" s="115"/>
      <c r="H103" s="115"/>
      <c r="I103" s="115"/>
      <c r="J103" s="115"/>
      <c r="K103" s="115"/>
      <c r="L103" s="115"/>
      <c r="M103" s="115"/>
      <c r="N103" s="115"/>
      <c r="O103" s="115"/>
      <c r="P103" s="115"/>
      <c r="Q103" s="115"/>
      <c r="R103" s="115"/>
      <c r="S103" s="115"/>
      <c r="T103" s="115"/>
      <c r="U103" s="115"/>
      <c r="V103" s="115"/>
      <c r="W103" s="115"/>
      <c r="X103" s="115"/>
      <c r="Y103" s="115"/>
      <c r="Z103" s="115"/>
      <c r="AA103" s="115"/>
      <c r="AB103" s="115"/>
      <c r="AC103" s="115"/>
      <c r="AD103" s="115"/>
      <c r="AE103" s="115"/>
      <c r="AF103" s="115"/>
      <c r="AG103" s="115"/>
      <c r="AH103" s="115"/>
      <c r="AI103" s="115"/>
      <c r="AJ103" s="115"/>
      <c r="AK103" s="115"/>
      <c r="AL103" s="115"/>
      <c r="AM103" s="117"/>
      <c r="AN103" s="117"/>
      <c r="AO103" s="115"/>
      <c r="AP103" s="115"/>
      <c r="AQ103" s="115"/>
      <c r="AR103" s="115"/>
      <c r="AS103" s="115"/>
      <c r="AT103" s="118"/>
    </row>
    <row r="104" spans="1:46" ht="18" customHeight="1" x14ac:dyDescent="0.2">
      <c r="A104" s="115"/>
      <c r="B104" s="115"/>
      <c r="C104" s="115"/>
      <c r="D104" s="115"/>
      <c r="E104" s="116"/>
      <c r="F104" s="115"/>
      <c r="G104" s="115"/>
      <c r="H104" s="115"/>
      <c r="I104" s="115"/>
      <c r="J104" s="115"/>
      <c r="K104" s="115"/>
      <c r="L104" s="115"/>
      <c r="M104" s="115"/>
      <c r="N104" s="115"/>
      <c r="O104" s="115"/>
      <c r="P104" s="115"/>
      <c r="Q104" s="115"/>
      <c r="R104" s="115"/>
      <c r="S104" s="115"/>
      <c r="T104" s="115"/>
      <c r="U104" s="115"/>
      <c r="V104" s="115"/>
      <c r="W104" s="115"/>
      <c r="X104" s="115"/>
      <c r="Y104" s="115"/>
      <c r="Z104" s="115"/>
      <c r="AA104" s="115"/>
      <c r="AB104" s="115"/>
      <c r="AC104" s="115"/>
      <c r="AD104" s="115"/>
      <c r="AE104" s="115"/>
      <c r="AF104" s="115"/>
      <c r="AG104" s="115"/>
      <c r="AH104" s="115"/>
      <c r="AI104" s="115"/>
      <c r="AJ104" s="115"/>
      <c r="AK104" s="115"/>
      <c r="AL104" s="115"/>
      <c r="AM104" s="117"/>
      <c r="AN104" s="117"/>
      <c r="AO104" s="115"/>
      <c r="AP104" s="115"/>
      <c r="AQ104" s="115"/>
      <c r="AR104" s="115"/>
      <c r="AS104" s="115"/>
      <c r="AT104" s="118"/>
    </row>
    <row r="105" spans="1:46" ht="18" customHeight="1" x14ac:dyDescent="0.3">
      <c r="A105" s="119"/>
      <c r="B105" s="115"/>
      <c r="C105" s="115"/>
      <c r="D105" s="115"/>
      <c r="E105" s="116"/>
      <c r="F105" s="115"/>
      <c r="G105" s="115"/>
      <c r="H105" s="115"/>
      <c r="I105" s="115"/>
      <c r="J105" s="115"/>
      <c r="K105" s="115"/>
      <c r="L105" s="115"/>
      <c r="M105" s="115"/>
      <c r="N105" s="115"/>
      <c r="O105" s="115"/>
      <c r="P105" s="115"/>
      <c r="Q105" s="115"/>
      <c r="R105" s="115"/>
      <c r="S105" s="115"/>
      <c r="T105" s="115"/>
      <c r="U105" s="115"/>
      <c r="V105" s="115"/>
      <c r="W105" s="115"/>
      <c r="X105" s="115"/>
      <c r="Y105" s="115"/>
      <c r="Z105" s="115"/>
      <c r="AA105" s="115"/>
      <c r="AB105" s="115"/>
      <c r="AC105" s="115"/>
      <c r="AD105" s="115"/>
      <c r="AE105" s="115"/>
      <c r="AF105" s="115"/>
      <c r="AG105" s="115"/>
      <c r="AH105" s="115"/>
      <c r="AI105" s="115"/>
      <c r="AJ105" s="115"/>
      <c r="AK105" s="115"/>
      <c r="AL105" s="115"/>
      <c r="AM105" s="117"/>
      <c r="AN105" s="117"/>
      <c r="AO105" s="115"/>
      <c r="AP105" s="115"/>
      <c r="AQ105" s="115"/>
      <c r="AR105" s="115"/>
      <c r="AS105" s="115"/>
      <c r="AT105" s="115"/>
    </row>
    <row r="106" spans="1:46" ht="18" customHeight="1" x14ac:dyDescent="0.2">
      <c r="A106" s="115"/>
      <c r="B106" s="115"/>
      <c r="C106" s="115"/>
      <c r="D106" s="115"/>
      <c r="E106" s="116"/>
      <c r="F106" s="115"/>
      <c r="G106" s="115"/>
      <c r="H106" s="115"/>
      <c r="I106" s="115"/>
      <c r="J106" s="115"/>
      <c r="K106" s="115"/>
      <c r="L106" s="115"/>
      <c r="M106" s="115"/>
      <c r="N106" s="115"/>
      <c r="O106" s="115"/>
      <c r="P106" s="115"/>
      <c r="Q106" s="115"/>
      <c r="R106" s="115"/>
      <c r="S106" s="115"/>
      <c r="T106" s="115"/>
      <c r="U106" s="115"/>
      <c r="V106" s="115"/>
      <c r="W106" s="115"/>
      <c r="X106" s="115"/>
      <c r="Y106" s="115"/>
      <c r="Z106" s="115"/>
      <c r="AA106" s="115"/>
      <c r="AB106" s="115"/>
      <c r="AC106" s="115"/>
      <c r="AD106" s="115"/>
      <c r="AE106" s="115"/>
      <c r="AF106" s="115"/>
      <c r="AG106" s="115"/>
      <c r="AH106" s="115"/>
      <c r="AI106" s="115"/>
      <c r="AJ106" s="115"/>
      <c r="AK106" s="115"/>
      <c r="AL106" s="115"/>
      <c r="AM106" s="115"/>
      <c r="AN106" s="116"/>
      <c r="AO106" s="115"/>
      <c r="AP106" s="115"/>
      <c r="AQ106" s="115"/>
      <c r="AR106" s="115"/>
      <c r="AS106" s="115"/>
      <c r="AT106" s="115"/>
    </row>
    <row r="107" spans="1:46" s="1" customFormat="1" ht="18" customHeight="1" x14ac:dyDescent="0.3">
      <c r="A107" s="119" t="s">
        <v>237</v>
      </c>
      <c r="B107" s="119"/>
      <c r="C107" s="119"/>
      <c r="D107" s="119"/>
      <c r="E107" s="120"/>
      <c r="F107" s="119"/>
      <c r="G107" s="119"/>
      <c r="H107" s="119"/>
      <c r="I107" s="119"/>
      <c r="J107" s="119"/>
      <c r="K107" s="119"/>
      <c r="L107" s="119"/>
      <c r="M107" s="119"/>
      <c r="N107" s="119"/>
      <c r="O107" s="119"/>
      <c r="P107" s="119"/>
      <c r="Q107" s="119"/>
      <c r="R107" s="119"/>
      <c r="S107" s="119"/>
      <c r="T107" s="119"/>
      <c r="U107" s="119"/>
      <c r="V107" s="119"/>
      <c r="W107" s="119"/>
      <c r="X107" s="119"/>
      <c r="Y107" s="119"/>
      <c r="Z107" s="119"/>
      <c r="AA107" s="119"/>
      <c r="AB107" s="119"/>
      <c r="AC107" s="119"/>
      <c r="AD107" s="119"/>
      <c r="AE107" s="119"/>
      <c r="AF107" s="119"/>
      <c r="AG107" s="119"/>
      <c r="AH107" s="119"/>
      <c r="AI107" s="119"/>
      <c r="AJ107" s="119"/>
      <c r="AK107" s="119"/>
      <c r="AL107" s="119"/>
      <c r="AM107" s="119"/>
      <c r="AN107" s="120"/>
      <c r="AO107" s="119"/>
      <c r="AP107" s="119"/>
      <c r="AQ107" s="119"/>
      <c r="AR107" s="119"/>
      <c r="AS107" s="119"/>
      <c r="AT107" s="119"/>
    </row>
    <row r="108" spans="1:46" x14ac:dyDescent="0.2">
      <c r="A108" s="121"/>
      <c r="B108"/>
      <c r="C108"/>
      <c r="D108"/>
      <c r="E108" s="121"/>
      <c r="AI108"/>
      <c r="AJ108"/>
      <c r="AK108"/>
      <c r="AL108"/>
      <c r="AM108"/>
      <c r="AN108" s="121"/>
    </row>
    <row r="109" spans="1:46" x14ac:dyDescent="0.2">
      <c r="A109" s="121"/>
      <c r="B109"/>
      <c r="C109"/>
      <c r="D109"/>
      <c r="E109" s="121"/>
      <c r="AI109"/>
      <c r="AJ109"/>
      <c r="AK109"/>
      <c r="AL109"/>
      <c r="AM109"/>
      <c r="AN109" s="121"/>
    </row>
    <row r="110" spans="1:46" x14ac:dyDescent="0.2">
      <c r="A110" s="121"/>
      <c r="B110"/>
      <c r="C110"/>
      <c r="D110"/>
      <c r="E110" s="121"/>
      <c r="AI110"/>
      <c r="AJ110"/>
      <c r="AK110"/>
      <c r="AL110"/>
      <c r="AM110"/>
      <c r="AN110" s="121"/>
    </row>
    <row r="111" spans="1:46" x14ac:dyDescent="0.2">
      <c r="A111" s="121"/>
      <c r="B111"/>
      <c r="C111"/>
      <c r="D111"/>
      <c r="E111" s="121"/>
      <c r="AI111"/>
      <c r="AJ111"/>
      <c r="AK111"/>
      <c r="AL111"/>
      <c r="AM111"/>
      <c r="AN111" s="121"/>
    </row>
    <row r="112" spans="1:46" x14ac:dyDescent="0.2">
      <c r="A112" s="121"/>
      <c r="B112"/>
      <c r="C112"/>
      <c r="D112"/>
      <c r="E112" s="121"/>
      <c r="AI112"/>
      <c r="AJ112"/>
      <c r="AK112"/>
      <c r="AL112"/>
      <c r="AM112"/>
      <c r="AN112" s="121"/>
    </row>
    <row r="113" spans="1:45" x14ac:dyDescent="0.2">
      <c r="A113" s="121"/>
      <c r="B113"/>
      <c r="C113"/>
      <c r="D113"/>
      <c r="E113" s="121"/>
      <c r="AI113"/>
      <c r="AJ113"/>
      <c r="AK113"/>
      <c r="AL113"/>
      <c r="AM113"/>
      <c r="AN113" s="121"/>
    </row>
    <row r="114" spans="1:45" x14ac:dyDescent="0.2">
      <c r="A114" s="121"/>
      <c r="B114"/>
      <c r="C114"/>
      <c r="D114"/>
      <c r="E114" s="121"/>
      <c r="AI114"/>
      <c r="AJ114"/>
      <c r="AK114"/>
      <c r="AL114"/>
      <c r="AM114"/>
      <c r="AN114" s="121"/>
    </row>
    <row r="115" spans="1:45" x14ac:dyDescent="0.2">
      <c r="A115" s="121"/>
      <c r="B115"/>
      <c r="C115"/>
      <c r="D115"/>
      <c r="E115" s="121"/>
      <c r="AI115"/>
      <c r="AJ115"/>
      <c r="AK115"/>
      <c r="AL115"/>
      <c r="AM115"/>
      <c r="AN115" s="121"/>
    </row>
    <row r="116" spans="1:45" x14ac:dyDescent="0.2">
      <c r="A116" s="121"/>
      <c r="B116"/>
      <c r="C116"/>
      <c r="D116"/>
      <c r="E116" s="121"/>
      <c r="AI116"/>
      <c r="AJ116"/>
      <c r="AK116"/>
      <c r="AL116"/>
      <c r="AM116"/>
      <c r="AN116" s="121"/>
    </row>
    <row r="117" spans="1:45" x14ac:dyDescent="0.2">
      <c r="A117" s="121"/>
      <c r="B117"/>
      <c r="C117"/>
      <c r="D117"/>
      <c r="E117" s="121"/>
      <c r="AI117"/>
      <c r="AJ117"/>
      <c r="AK117"/>
      <c r="AL117"/>
      <c r="AM117"/>
      <c r="AN117" s="121"/>
    </row>
    <row r="118" spans="1:45" x14ac:dyDescent="0.2">
      <c r="A118" s="121"/>
      <c r="B118"/>
      <c r="C118"/>
      <c r="D118"/>
      <c r="E118" s="121"/>
      <c r="AI118"/>
      <c r="AJ118"/>
      <c r="AK118"/>
      <c r="AL118"/>
      <c r="AM118"/>
      <c r="AN118" s="121"/>
    </row>
    <row r="119" spans="1:45" x14ac:dyDescent="0.2">
      <c r="A119" s="121"/>
      <c r="B119"/>
      <c r="C119"/>
      <c r="D119"/>
      <c r="E119" s="121"/>
      <c r="AI119"/>
      <c r="AJ119"/>
      <c r="AK119"/>
      <c r="AL119"/>
      <c r="AM119"/>
      <c r="AN119" s="121"/>
    </row>
    <row r="120" spans="1:45" x14ac:dyDescent="0.2">
      <c r="A120" s="121"/>
      <c r="B120"/>
      <c r="C120"/>
      <c r="D120"/>
      <c r="E120" s="121"/>
      <c r="AI120"/>
      <c r="AJ120"/>
      <c r="AK120"/>
      <c r="AL120"/>
      <c r="AM120"/>
      <c r="AN120" s="121"/>
    </row>
    <row r="121" spans="1:45" ht="16.5" x14ac:dyDescent="0.25">
      <c r="A121" s="122"/>
      <c r="B121" s="123"/>
      <c r="C121" s="123"/>
      <c r="D121" s="123"/>
      <c r="E121" s="124"/>
      <c r="F121" s="123"/>
      <c r="G121" s="123"/>
      <c r="H121" s="123"/>
      <c r="I121" s="123"/>
      <c r="J121" s="123"/>
      <c r="K121" s="123"/>
      <c r="L121" s="123"/>
      <c r="M121" s="123"/>
      <c r="N121" s="123"/>
      <c r="O121" s="123"/>
      <c r="P121" s="123"/>
      <c r="Q121" s="123"/>
      <c r="R121" s="123"/>
      <c r="S121" s="123"/>
      <c r="T121" s="123"/>
      <c r="U121" s="123"/>
      <c r="V121" s="123"/>
      <c r="W121" s="123"/>
      <c r="X121" s="123"/>
      <c r="Y121" s="123"/>
      <c r="Z121" s="123"/>
      <c r="AA121" s="123"/>
      <c r="AB121" s="123"/>
      <c r="AC121" s="123"/>
      <c r="AD121" s="123"/>
      <c r="AE121" s="123"/>
      <c r="AF121" s="123"/>
      <c r="AG121" s="123"/>
      <c r="AH121" s="123"/>
      <c r="AI121" s="123"/>
      <c r="AJ121" s="123"/>
      <c r="AK121" s="123"/>
      <c r="AL121" s="123"/>
      <c r="AM121" s="123"/>
      <c r="AN121" s="124"/>
      <c r="AO121" s="123"/>
      <c r="AP121" s="123"/>
      <c r="AQ121" s="123"/>
      <c r="AR121" s="123"/>
      <c r="AS121" s="123"/>
    </row>
    <row r="122" spans="1:45" x14ac:dyDescent="0.2">
      <c r="A122" s="121"/>
      <c r="B122"/>
      <c r="C122"/>
      <c r="D122"/>
      <c r="E122" s="121"/>
      <c r="AI122"/>
      <c r="AJ122"/>
      <c r="AK122"/>
      <c r="AL122"/>
      <c r="AM122"/>
      <c r="AN122" s="121"/>
    </row>
    <row r="123" spans="1:45" ht="16.5" x14ac:dyDescent="0.25">
      <c r="A123" s="122"/>
      <c r="B123" s="123"/>
      <c r="C123" s="123"/>
      <c r="D123" s="123"/>
      <c r="E123" s="124"/>
      <c r="F123" s="123"/>
      <c r="G123" s="123"/>
      <c r="H123" s="123"/>
      <c r="I123" s="123"/>
      <c r="J123" s="123"/>
      <c r="K123" s="123"/>
      <c r="L123" s="123"/>
      <c r="M123" s="123"/>
      <c r="N123" s="123"/>
      <c r="O123" s="123"/>
      <c r="P123" s="123"/>
      <c r="Q123" s="123"/>
      <c r="R123" s="123"/>
      <c r="S123" s="123"/>
      <c r="T123" s="123"/>
      <c r="U123" s="123"/>
      <c r="V123" s="123"/>
      <c r="W123" s="123"/>
      <c r="X123" s="123"/>
      <c r="Y123" s="123"/>
      <c r="Z123" s="123"/>
      <c r="AA123" s="123"/>
      <c r="AB123" s="123"/>
      <c r="AC123" s="123"/>
      <c r="AD123" s="123"/>
      <c r="AE123" s="123"/>
      <c r="AF123" s="123"/>
      <c r="AG123" s="123"/>
      <c r="AH123" s="123"/>
      <c r="AI123" s="123"/>
      <c r="AJ123" s="123"/>
      <c r="AK123" s="123"/>
      <c r="AL123" s="123"/>
      <c r="AM123" s="123"/>
      <c r="AN123" s="124"/>
      <c r="AO123" s="123"/>
      <c r="AP123" s="123"/>
      <c r="AQ123" s="123"/>
      <c r="AR123" s="123"/>
      <c r="AS123" s="123"/>
    </row>
    <row r="124" spans="1:45" x14ac:dyDescent="0.2">
      <c r="A124" s="121"/>
      <c r="B124"/>
      <c r="C124"/>
      <c r="D124"/>
      <c r="E124" s="121"/>
      <c r="AI124"/>
      <c r="AJ124"/>
      <c r="AK124"/>
      <c r="AL124"/>
      <c r="AM124"/>
      <c r="AN124" s="121"/>
    </row>
    <row r="125" spans="1:45" x14ac:dyDescent="0.2">
      <c r="A125" s="7" t="s">
        <v>238</v>
      </c>
      <c r="B125"/>
      <c r="C125"/>
      <c r="D125"/>
      <c r="E125" s="121"/>
      <c r="AI125"/>
      <c r="AJ125"/>
      <c r="AK125"/>
      <c r="AL125"/>
      <c r="AM125"/>
      <c r="AN125" s="121"/>
    </row>
    <row r="126" spans="1:45" x14ac:dyDescent="0.2">
      <c r="A126" s="121"/>
      <c r="B126"/>
      <c r="C126"/>
      <c r="D126"/>
      <c r="E126" s="121"/>
      <c r="AI126"/>
      <c r="AJ126"/>
      <c r="AK126"/>
      <c r="AL126"/>
      <c r="AM126"/>
      <c r="AN126" s="121"/>
    </row>
    <row r="127" spans="1:45" x14ac:dyDescent="0.2">
      <c r="A127" s="7" t="s">
        <v>239</v>
      </c>
      <c r="B127"/>
      <c r="C127"/>
      <c r="D127"/>
      <c r="E127" s="121"/>
      <c r="AI127"/>
      <c r="AJ127"/>
      <c r="AK127"/>
      <c r="AL127"/>
      <c r="AM127"/>
      <c r="AN127" s="121"/>
    </row>
    <row r="128" spans="1:45" x14ac:dyDescent="0.2">
      <c r="A128" s="121"/>
      <c r="B128"/>
      <c r="C128"/>
      <c r="D128"/>
      <c r="E128" s="121"/>
      <c r="AI128"/>
      <c r="AJ128"/>
      <c r="AK128"/>
      <c r="AL128"/>
      <c r="AM128"/>
      <c r="AN128" s="121"/>
    </row>
    <row r="129" spans="1:40" x14ac:dyDescent="0.2">
      <c r="A129" s="7" t="s">
        <v>2</v>
      </c>
      <c r="B129"/>
      <c r="C129"/>
      <c r="D129"/>
      <c r="E129" s="121"/>
      <c r="AI129"/>
      <c r="AJ129"/>
      <c r="AK129"/>
      <c r="AL129"/>
      <c r="AM129"/>
      <c r="AN129" s="121"/>
    </row>
    <row r="130" spans="1:40" x14ac:dyDescent="0.2">
      <c r="A130" s="121"/>
      <c r="B130"/>
      <c r="C130"/>
      <c r="D130"/>
      <c r="E130" s="121"/>
      <c r="AI130"/>
      <c r="AJ130"/>
      <c r="AK130"/>
      <c r="AL130"/>
      <c r="AM130"/>
      <c r="AN130" s="121"/>
    </row>
    <row r="131" spans="1:40" x14ac:dyDescent="0.2">
      <c r="A131" s="121"/>
      <c r="B131"/>
      <c r="C131"/>
      <c r="D131"/>
      <c r="E131" s="121"/>
      <c r="AI131"/>
      <c r="AJ131"/>
      <c r="AK131"/>
      <c r="AL131"/>
      <c r="AM131"/>
      <c r="AN131" s="121"/>
    </row>
    <row r="132" spans="1:40" x14ac:dyDescent="0.2">
      <c r="A132" s="121"/>
      <c r="B132"/>
      <c r="C132"/>
      <c r="D132"/>
      <c r="E132" s="121"/>
      <c r="AI132"/>
      <c r="AJ132"/>
      <c r="AK132"/>
      <c r="AL132"/>
      <c r="AM132"/>
      <c r="AN132" s="121"/>
    </row>
    <row r="133" spans="1:40" ht="19" x14ac:dyDescent="0.2">
      <c r="A133" s="115" t="s">
        <v>240</v>
      </c>
      <c r="B133" s="115"/>
      <c r="C133" s="115"/>
      <c r="D133" s="115"/>
      <c r="E133" s="116"/>
      <c r="F133" s="115"/>
      <c r="G133" s="115"/>
      <c r="H133" s="115"/>
      <c r="I133" s="115"/>
      <c r="J133" s="115"/>
      <c r="K133" s="115"/>
      <c r="L133" s="115"/>
      <c r="AI133"/>
      <c r="AJ133"/>
      <c r="AK133"/>
      <c r="AL133"/>
      <c r="AM133"/>
      <c r="AN133" s="121"/>
    </row>
    <row r="134" spans="1:40" ht="19" x14ac:dyDescent="0.2">
      <c r="A134" s="115"/>
      <c r="B134" s="115"/>
      <c r="C134" s="115"/>
      <c r="D134" s="115"/>
      <c r="E134" s="116"/>
      <c r="F134" s="115"/>
      <c r="G134" s="115"/>
      <c r="H134" s="115"/>
      <c r="I134" s="115"/>
      <c r="J134" s="115"/>
      <c r="K134" s="115"/>
      <c r="L134" s="115"/>
      <c r="AI134"/>
      <c r="AJ134"/>
      <c r="AK134"/>
      <c r="AL134"/>
      <c r="AM134"/>
      <c r="AN134" s="121"/>
    </row>
    <row r="135" spans="1:40" ht="19" x14ac:dyDescent="0.2">
      <c r="A135" s="115"/>
      <c r="B135" s="115"/>
      <c r="C135" s="115"/>
      <c r="D135" s="115"/>
      <c r="E135" s="116"/>
      <c r="F135" s="115"/>
      <c r="G135" s="115"/>
      <c r="H135" s="115"/>
      <c r="I135" s="115"/>
      <c r="J135" s="115"/>
      <c r="K135" s="115"/>
      <c r="L135" s="115"/>
      <c r="AI135"/>
      <c r="AJ135"/>
      <c r="AK135"/>
      <c r="AL135"/>
      <c r="AM135"/>
      <c r="AN135" s="121"/>
    </row>
    <row r="136" spans="1:40" ht="19" x14ac:dyDescent="0.2">
      <c r="A136" s="115"/>
      <c r="B136" s="115"/>
      <c r="C136" s="115"/>
      <c r="D136" s="115"/>
      <c r="E136" s="116"/>
      <c r="F136" s="115"/>
      <c r="G136" s="115"/>
      <c r="H136" s="115"/>
      <c r="I136" s="115"/>
      <c r="J136" s="115"/>
      <c r="K136" s="115"/>
      <c r="L136" s="115"/>
      <c r="AI136"/>
      <c r="AJ136"/>
      <c r="AK136"/>
      <c r="AL136"/>
      <c r="AM136"/>
      <c r="AN136" s="121"/>
    </row>
    <row r="137" spans="1:40" ht="19" x14ac:dyDescent="0.2">
      <c r="A137" s="115" t="s">
        <v>241</v>
      </c>
      <c r="B137" s="115"/>
      <c r="C137" s="115"/>
      <c r="D137" s="115"/>
      <c r="E137" s="116"/>
      <c r="F137" s="115"/>
      <c r="G137" s="115"/>
      <c r="H137" s="115"/>
      <c r="I137" s="115"/>
      <c r="J137" s="115"/>
      <c r="K137" s="115"/>
      <c r="L137" s="115"/>
      <c r="AI137"/>
      <c r="AJ137"/>
      <c r="AK137"/>
      <c r="AL137"/>
      <c r="AM137"/>
      <c r="AN137" s="121"/>
    </row>
    <row r="138" spans="1:40" ht="19" x14ac:dyDescent="0.2">
      <c r="A138" s="115"/>
      <c r="B138" s="115"/>
      <c r="C138" s="115"/>
      <c r="D138" s="115"/>
      <c r="E138" s="116"/>
      <c r="F138" s="115"/>
      <c r="G138" s="115"/>
      <c r="H138" s="115"/>
      <c r="I138" s="115"/>
      <c r="J138" s="115"/>
      <c r="K138" s="115"/>
      <c r="L138" s="115"/>
      <c r="AI138"/>
      <c r="AJ138"/>
      <c r="AK138"/>
      <c r="AL138"/>
      <c r="AM138"/>
      <c r="AN138" s="121"/>
    </row>
    <row r="139" spans="1:40" ht="19" x14ac:dyDescent="0.2">
      <c r="A139" s="115"/>
      <c r="B139" s="115"/>
      <c r="C139" s="115"/>
      <c r="D139" s="115"/>
      <c r="E139" s="116"/>
      <c r="F139" s="115"/>
      <c r="G139" s="115"/>
      <c r="H139" s="115"/>
      <c r="I139" s="115"/>
      <c r="J139" s="115"/>
      <c r="K139" s="115"/>
      <c r="L139" s="115"/>
      <c r="AI139"/>
      <c r="AJ139"/>
      <c r="AK139"/>
      <c r="AL139"/>
      <c r="AM139"/>
      <c r="AN139" s="121"/>
    </row>
    <row r="140" spans="1:40" ht="19" x14ac:dyDescent="0.2">
      <c r="A140" s="115"/>
      <c r="B140" s="115"/>
      <c r="C140" s="115"/>
      <c r="D140" s="115"/>
      <c r="E140" s="116"/>
      <c r="F140" s="115"/>
      <c r="G140" s="115"/>
      <c r="H140" s="115"/>
      <c r="I140" s="115"/>
      <c r="J140" s="115"/>
      <c r="K140" s="115"/>
      <c r="L140" s="115"/>
      <c r="AI140"/>
      <c r="AJ140"/>
      <c r="AK140"/>
      <c r="AL140"/>
      <c r="AM140"/>
      <c r="AN140" s="121"/>
    </row>
    <row r="141" spans="1:40" ht="19" x14ac:dyDescent="0.3">
      <c r="A141" s="119" t="s">
        <v>236</v>
      </c>
      <c r="B141" s="115"/>
      <c r="C141" s="115"/>
      <c r="D141" s="115"/>
      <c r="E141" s="116"/>
      <c r="F141" s="115"/>
      <c r="G141" s="115"/>
      <c r="H141" s="115"/>
      <c r="I141" s="115"/>
      <c r="J141" s="115"/>
      <c r="K141" s="115"/>
      <c r="L141" s="115"/>
      <c r="AI141"/>
      <c r="AJ141"/>
      <c r="AK141"/>
      <c r="AL141"/>
      <c r="AM141"/>
      <c r="AN141" s="121"/>
    </row>
    <row r="142" spans="1:40" ht="19" x14ac:dyDescent="0.2">
      <c r="A142" s="115"/>
      <c r="B142" s="115"/>
      <c r="C142" s="115"/>
      <c r="D142" s="115"/>
      <c r="E142" s="116"/>
      <c r="F142" s="115"/>
      <c r="G142" s="115"/>
      <c r="H142" s="115"/>
      <c r="I142" s="115"/>
      <c r="J142" s="115"/>
      <c r="K142" s="115"/>
      <c r="L142" s="115"/>
      <c r="AI142"/>
      <c r="AJ142"/>
      <c r="AK142"/>
      <c r="AL142"/>
      <c r="AM142"/>
      <c r="AN142" s="121"/>
    </row>
    <row r="143" spans="1:40" ht="19" x14ac:dyDescent="0.3">
      <c r="A143" s="119"/>
      <c r="B143" s="115"/>
      <c r="C143" s="115"/>
      <c r="D143" s="115"/>
      <c r="E143" s="116"/>
      <c r="F143" s="115"/>
      <c r="G143" s="115"/>
      <c r="H143" s="115"/>
      <c r="I143" s="115"/>
      <c r="J143" s="115"/>
      <c r="K143" s="115"/>
      <c r="L143" s="115"/>
      <c r="AI143"/>
      <c r="AJ143"/>
      <c r="AK143"/>
      <c r="AL143"/>
      <c r="AM143"/>
      <c r="AN143" s="121"/>
    </row>
    <row r="144" spans="1:40" ht="19" x14ac:dyDescent="0.2">
      <c r="A144" s="115"/>
      <c r="B144" s="115"/>
      <c r="C144" s="115"/>
      <c r="D144" s="115"/>
      <c r="E144" s="116"/>
      <c r="F144" s="115"/>
      <c r="G144" s="115"/>
      <c r="H144" s="115"/>
      <c r="I144" s="115"/>
      <c r="J144" s="115"/>
      <c r="K144" s="115"/>
      <c r="L144" s="115"/>
      <c r="AI144"/>
      <c r="AJ144"/>
      <c r="AK144"/>
      <c r="AL144"/>
      <c r="AM144"/>
      <c r="AN144" s="121"/>
    </row>
    <row r="145" spans="1:40" ht="19" x14ac:dyDescent="0.3">
      <c r="A145" s="119" t="s">
        <v>237</v>
      </c>
      <c r="B145" s="119"/>
      <c r="C145" s="119"/>
      <c r="D145" s="119"/>
      <c r="E145" s="120"/>
      <c r="F145" s="119"/>
      <c r="G145" s="119"/>
      <c r="H145" s="119"/>
      <c r="I145" s="119"/>
      <c r="J145" s="119"/>
      <c r="K145" s="119"/>
      <c r="L145" s="119"/>
      <c r="AI145"/>
      <c r="AJ145"/>
      <c r="AK145"/>
      <c r="AL145"/>
      <c r="AM145"/>
      <c r="AN145" s="121"/>
    </row>
    <row r="146" spans="1:40" x14ac:dyDescent="0.2">
      <c r="A146" s="121"/>
      <c r="B146"/>
      <c r="C146"/>
      <c r="D146"/>
      <c r="E146" s="121"/>
      <c r="AI146"/>
      <c r="AJ146"/>
      <c r="AK146"/>
      <c r="AL146"/>
      <c r="AM146"/>
      <c r="AN146" s="121"/>
    </row>
    <row r="147" spans="1:40" x14ac:dyDescent="0.2">
      <c r="A147" s="121"/>
      <c r="B147"/>
      <c r="C147"/>
      <c r="D147"/>
      <c r="E147" s="121"/>
      <c r="AI147"/>
      <c r="AJ147"/>
      <c r="AK147"/>
      <c r="AL147"/>
      <c r="AM147"/>
      <c r="AN147" s="121"/>
    </row>
    <row r="148" spans="1:40" x14ac:dyDescent="0.2">
      <c r="A148" s="121"/>
      <c r="B148"/>
      <c r="C148"/>
      <c r="D148"/>
      <c r="E148" s="121"/>
      <c r="AI148"/>
      <c r="AJ148"/>
      <c r="AK148"/>
      <c r="AL148"/>
      <c r="AM148"/>
      <c r="AN148" s="121"/>
    </row>
    <row r="149" spans="1:40" x14ac:dyDescent="0.2">
      <c r="A149" s="121"/>
      <c r="B149"/>
      <c r="C149"/>
      <c r="D149"/>
      <c r="E149" s="121"/>
      <c r="AI149"/>
      <c r="AJ149"/>
      <c r="AK149"/>
      <c r="AL149"/>
      <c r="AM149"/>
      <c r="AN149" s="121"/>
    </row>
    <row r="150" spans="1:40" x14ac:dyDescent="0.2">
      <c r="A150" s="121"/>
      <c r="B150"/>
      <c r="C150"/>
      <c r="D150"/>
      <c r="E150" s="121"/>
      <c r="AI150"/>
      <c r="AJ150"/>
      <c r="AK150"/>
      <c r="AL150"/>
      <c r="AM150"/>
      <c r="AN150" s="121"/>
    </row>
    <row r="151" spans="1:40" x14ac:dyDescent="0.2">
      <c r="A151" s="121"/>
      <c r="B151"/>
      <c r="C151"/>
      <c r="D151"/>
      <c r="E151" s="121"/>
      <c r="AI151"/>
      <c r="AJ151"/>
      <c r="AK151"/>
      <c r="AL151"/>
      <c r="AM151"/>
      <c r="AN151" s="121"/>
    </row>
    <row r="152" spans="1:40" x14ac:dyDescent="0.2">
      <c r="A152" s="121"/>
      <c r="B152"/>
      <c r="C152"/>
      <c r="D152"/>
      <c r="E152" s="121"/>
      <c r="AI152"/>
      <c r="AJ152"/>
      <c r="AK152"/>
      <c r="AL152"/>
      <c r="AM152"/>
      <c r="AN152" s="121"/>
    </row>
    <row r="153" spans="1:40" x14ac:dyDescent="0.2">
      <c r="A153" s="121"/>
      <c r="B153"/>
      <c r="C153"/>
      <c r="D153"/>
      <c r="E153" s="121"/>
      <c r="AI153"/>
      <c r="AJ153"/>
      <c r="AK153"/>
      <c r="AL153"/>
      <c r="AM153"/>
      <c r="AN153" s="121"/>
    </row>
    <row r="154" spans="1:40" x14ac:dyDescent="0.2">
      <c r="A154" s="121"/>
      <c r="B154"/>
      <c r="C154"/>
      <c r="D154"/>
      <c r="E154" s="121"/>
      <c r="AI154"/>
      <c r="AJ154"/>
      <c r="AK154"/>
      <c r="AL154"/>
      <c r="AM154"/>
      <c r="AN154" s="121"/>
    </row>
    <row r="155" spans="1:40" x14ac:dyDescent="0.2">
      <c r="A155" s="121"/>
      <c r="B155"/>
      <c r="C155"/>
      <c r="D155"/>
      <c r="E155" s="121"/>
      <c r="AI155"/>
      <c r="AJ155"/>
      <c r="AK155"/>
      <c r="AL155"/>
      <c r="AM155"/>
      <c r="AN155" s="121"/>
    </row>
    <row r="156" spans="1:40" x14ac:dyDescent="0.2">
      <c r="A156" s="121"/>
      <c r="B156"/>
      <c r="C156"/>
      <c r="D156"/>
      <c r="E156" s="121"/>
      <c r="AI156"/>
      <c r="AJ156"/>
      <c r="AK156"/>
      <c r="AL156"/>
      <c r="AM156"/>
      <c r="AN156" s="121"/>
    </row>
    <row r="157" spans="1:40" x14ac:dyDescent="0.2">
      <c r="A157" s="121"/>
      <c r="B157"/>
      <c r="C157"/>
      <c r="D157"/>
      <c r="E157" s="121"/>
      <c r="AI157"/>
      <c r="AJ157"/>
      <c r="AK157"/>
      <c r="AL157"/>
      <c r="AM157"/>
      <c r="AN157" s="121"/>
    </row>
    <row r="158" spans="1:40" x14ac:dyDescent="0.2">
      <c r="A158" s="121"/>
      <c r="B158"/>
      <c r="C158"/>
      <c r="D158"/>
      <c r="E158" s="121"/>
      <c r="AI158"/>
      <c r="AJ158"/>
      <c r="AK158"/>
      <c r="AL158"/>
      <c r="AM158"/>
      <c r="AN158" s="121"/>
    </row>
    <row r="159" spans="1:40" x14ac:dyDescent="0.2">
      <c r="A159" s="121"/>
      <c r="B159"/>
      <c r="C159"/>
      <c r="D159"/>
      <c r="E159" s="121"/>
      <c r="AI159"/>
      <c r="AJ159"/>
      <c r="AK159"/>
      <c r="AL159"/>
      <c r="AM159"/>
      <c r="AN159" s="121"/>
    </row>
  </sheetData>
  <sheetProtection formatCells="0" formatColumns="0" formatRows="0"/>
  <mergeCells count="6">
    <mergeCell ref="F1:AI1"/>
    <mergeCell ref="F2:K2"/>
    <mergeCell ref="L2:Q2"/>
    <mergeCell ref="AM2:AN2"/>
    <mergeCell ref="AO2:AQ2"/>
    <mergeCell ref="AR2:AT2"/>
  </mergeCells>
  <phoneticPr fontId="1"/>
  <printOptions horizontalCentered="1"/>
  <pageMargins left="0" right="0" top="0" bottom="0" header="0.31496062992125984" footer="0.31496062992125984"/>
  <pageSetup paperSize="9" scale="47" orientation="portrait" horizontalDpi="300" verticalDpi="30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正式</vt:lpstr>
      <vt:lpstr>正式!Print_Area</vt:lpstr>
      <vt:lpstr>正式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sanori shin</dc:creator>
  <cp:lastModifiedBy>masanori shin</cp:lastModifiedBy>
  <dcterms:created xsi:type="dcterms:W3CDTF">2026-05-10T07:35:11Z</dcterms:created>
  <dcterms:modified xsi:type="dcterms:W3CDTF">2026-05-10T07:35:58Z</dcterms:modified>
</cp:coreProperties>
</file>